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99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EAF1DD" w:themeFill="accent3" w:themeFillTint="33"/>
        <w:tblLayout w:type="fixed"/>
        <w:tblLook w:val="01E0" w:firstRow="1" w:lastRow="1" w:firstColumn="1" w:lastColumn="1" w:noHBand="0" w:noVBand="0"/>
      </w:tblPr>
      <w:tblGrid>
        <w:gridCol w:w="3529"/>
        <w:gridCol w:w="682"/>
        <w:gridCol w:w="1438"/>
        <w:gridCol w:w="2261"/>
        <w:gridCol w:w="2002"/>
      </w:tblGrid>
      <w:tr w:rsidR="0011486F" w:rsidRPr="00853857" w14:paraId="73449048" w14:textId="77777777" w:rsidTr="00A0183E">
        <w:trPr>
          <w:trHeight w:val="416"/>
        </w:trPr>
        <w:tc>
          <w:tcPr>
            <w:tcW w:w="9912" w:type="dxa"/>
            <w:gridSpan w:val="5"/>
            <w:shd w:val="clear" w:color="auto" w:fill="C2D69B" w:themeFill="accent3" w:themeFillTint="99"/>
            <w:vAlign w:val="center"/>
          </w:tcPr>
          <w:p w14:paraId="3719C919" w14:textId="06A79ADC" w:rsidR="0011486F" w:rsidRPr="00AD6E60" w:rsidRDefault="00E772C4" w:rsidP="0025240E">
            <w:pPr>
              <w:tabs>
                <w:tab w:val="left" w:pos="7665"/>
              </w:tabs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4"/>
                <w:szCs w:val="24"/>
              </w:rPr>
              <w:t xml:space="preserve">Personalien des </w:t>
            </w:r>
            <w:r w:rsidR="0011486F" w:rsidRPr="00620455">
              <w:rPr>
                <w:rFonts w:ascii="Arial" w:hAnsi="Arial" w:cs="Arial"/>
                <w:b/>
                <w:sz w:val="24"/>
                <w:szCs w:val="24"/>
              </w:rPr>
              <w:t>Kin</w:t>
            </w:r>
            <w:r w:rsidR="00640423">
              <w:rPr>
                <w:rFonts w:ascii="Arial" w:hAnsi="Arial" w:cs="Arial"/>
                <w:b/>
                <w:sz w:val="24"/>
                <w:szCs w:val="24"/>
              </w:rPr>
              <w:t>d</w:t>
            </w:r>
            <w:r>
              <w:rPr>
                <w:rFonts w:ascii="Arial" w:hAnsi="Arial" w:cs="Arial"/>
                <w:b/>
                <w:sz w:val="24"/>
                <w:szCs w:val="24"/>
              </w:rPr>
              <w:t>es</w:t>
            </w:r>
            <w:r w:rsidR="00092035">
              <w:rPr>
                <w:rFonts w:ascii="Arial" w:hAnsi="Arial" w:cs="Arial"/>
                <w:b/>
                <w:sz w:val="20"/>
                <w:szCs w:val="20"/>
              </w:rPr>
              <w:t xml:space="preserve">        Pl</w:t>
            </w:r>
            <w:r w:rsidR="00C32DEF">
              <w:rPr>
                <w:rFonts w:ascii="Arial" w:hAnsi="Arial" w:cs="Arial"/>
                <w:b/>
                <w:sz w:val="20"/>
                <w:szCs w:val="20"/>
              </w:rPr>
              <w:t xml:space="preserve">an Nr. </w:t>
            </w:r>
            <w:bookmarkStart w:id="0" w:name="PlanNr"/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PlanNr"/>
                  <w:enabled/>
                  <w:calcOnExit w:val="0"/>
                  <w:textInput/>
                </w:ffData>
              </w:fldChar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0"/>
            <w:r w:rsidR="0025240E">
              <w:rPr>
                <w:rFonts w:ascii="Arial" w:hAnsi="Arial" w:cs="Arial"/>
                <w:b/>
                <w:noProof/>
                <w:sz w:val="20"/>
                <w:szCs w:val="20"/>
              </w:rPr>
              <w:t xml:space="preserve"> </w:t>
            </w:r>
            <w:r w:rsidR="0025240E" w:rsidRPr="0025240E">
              <w:rPr>
                <w:rFonts w:ascii="Arial" w:hAnsi="Arial" w:cs="Arial"/>
                <w:b/>
                <w:bCs/>
                <w:sz w:val="20"/>
                <w:szCs w:val="20"/>
              </w:rPr>
              <w:t>IMPACT-Programm</w:t>
            </w:r>
            <w:r w:rsidR="0025240E"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="0025240E" w:rsidRPr="00853857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25240E" w:rsidRPr="00853857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324500" w:rsidRPr="00853857">
              <w:rPr>
                <w:rFonts w:ascii="Arial" w:hAnsi="Arial" w:cs="Arial"/>
                <w:bCs/>
                <w:sz w:val="20"/>
                <w:szCs w:val="20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="0025240E" w:rsidRPr="00853857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="00B07864" w:rsidRPr="00853857">
              <w:rPr>
                <w:rFonts w:ascii="Arial" w:hAnsi="Arial" w:cs="Arial"/>
                <w:b/>
                <w:sz w:val="20"/>
                <w:szCs w:val="20"/>
              </w:rPr>
              <w:tab/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26690" w:rsidRPr="00853857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324500" w:rsidRPr="00853857">
              <w:rPr>
                <w:rFonts w:ascii="Arial" w:hAnsi="Arial" w:cs="Arial"/>
                <w:bCs/>
                <w:sz w:val="20"/>
                <w:szCs w:val="20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="00326690" w:rsidRPr="00853857"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="00324DBD">
              <w:rPr>
                <w:rFonts w:ascii="Arial" w:hAnsi="Arial" w:cs="Arial"/>
                <w:noProof/>
                <w:sz w:val="20"/>
                <w:szCs w:val="20"/>
                <w:lang w:eastAsia="de-CH"/>
              </w:rPr>
              <w:drawing>
                <wp:inline distT="0" distB="0" distL="0" distR="0" wp14:anchorId="66635D19" wp14:editId="0CF7685E">
                  <wp:extent cx="142875" cy="190500"/>
                  <wp:effectExtent l="0" t="0" r="9525" b="12700"/>
                  <wp:docPr id="1" name="Bild 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>
                            <a:duotone>
                              <a:prstClr val="black"/>
                              <a:schemeClr val="accent3">
                                <a:tint val="45000"/>
                                <a:satMod val="400000"/>
                              </a:schemeClr>
                            </a:duotone>
                            <a:alphaModFix/>
                            <a:extLst>
                              <a:ext uri="{BEBA8EAE-BF5A-486C-A8C5-ECC9F3942E4B}">
                                <a14:imgProps xmlns:a14="http://schemas.microsoft.com/office/drawing/2010/main">
                                  <a14:imgLayer r:embed="rId13">
                                    <a14:imgEffect>
                                      <a14:colorTemperature colorTemp="11500"/>
                                    </a14:imgEffect>
                                    <a14:imgEffect>
                                      <a14:saturation sat="35000"/>
                                    </a14:imgEffect>
                                    <a14:imgEffect>
                                      <a14:brightnessContrast bright="-12000"/>
                                    </a14:imgEffect>
                                  </a14:imgLayer>
                                </a14:imgProps>
                              </a:ex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42875" cy="190500"/>
                          </a:xfrm>
                          <a:prstGeom prst="rect">
                            <a:avLst/>
                          </a:prstGeom>
                          <a:solidFill>
                            <a:schemeClr val="accent3">
                              <a:lumMod val="40000"/>
                              <a:lumOff val="60000"/>
                            </a:schemeClr>
                          </a:solidFill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="00326690" w:rsidRPr="00853857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26690" w:rsidRPr="00853857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324500" w:rsidRPr="00853857">
              <w:rPr>
                <w:rFonts w:ascii="Arial" w:hAnsi="Arial" w:cs="Arial"/>
                <w:bCs/>
                <w:sz w:val="20"/>
                <w:szCs w:val="20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="00326690" w:rsidRPr="00853857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E5E28" w:rsidRPr="00A0183E">
              <w:rPr>
                <w:rFonts w:ascii="Arial" w:hAnsi="Arial" w:cs="Arial"/>
                <w:noProof/>
                <w:sz w:val="20"/>
                <w:szCs w:val="20"/>
                <w:shd w:val="clear" w:color="auto" w:fill="C2D69B" w:themeFill="accent3" w:themeFillTint="99"/>
                <w:lang w:eastAsia="de-CH"/>
              </w:rPr>
              <w:drawing>
                <wp:inline distT="0" distB="0" distL="0" distR="0" wp14:anchorId="0A6BA14A" wp14:editId="5E173DC4">
                  <wp:extent cx="114300" cy="190500"/>
                  <wp:effectExtent l="0" t="0" r="12700" b="12700"/>
                  <wp:docPr id="2" name="Bild 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5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duotone>
                              <a:prstClr val="black"/>
                              <a:schemeClr val="accent3">
                                <a:tint val="45000"/>
                                <a:satMod val="400000"/>
                              </a:schemeClr>
                            </a:duotone>
                            <a:extLst>
                              <a:ext uri="{BEBA8EAE-BF5A-486C-A8C5-ECC9F3942E4B}">
                                <a14:imgProps xmlns:a14="http://schemas.microsoft.com/office/drawing/2010/main">
                                  <a14:imgLayer r:embed="rId15">
                                    <a14:imgEffect>
                                      <a14:colorTemperature colorTemp="11200"/>
                                    </a14:imgEffect>
                                    <a14:imgEffect>
                                      <a14:saturation sat="315000"/>
                                    </a14:imgEffect>
                                    <a14:imgEffect>
                                      <a14:brightnessContrast bright="-34000" contrast="61000"/>
                                    </a14:imgEffect>
                                  </a14:imgLayer>
                                </a14:imgProps>
                              </a:ex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4300" cy="1905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="00551A15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="00551A15" w:rsidRPr="0085385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51A15" w:rsidRPr="0085385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324500" w:rsidRPr="00853857">
              <w:rPr>
                <w:rFonts w:ascii="Arial" w:hAnsi="Arial" w:cs="Arial"/>
                <w:sz w:val="20"/>
                <w:szCs w:val="20"/>
              </w:rPr>
            </w:r>
            <w:r w:rsidR="0031321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551A15" w:rsidRPr="0085385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704290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704290" w:rsidRPr="00E37E5A">
              <w:rPr>
                <w:rFonts w:ascii="Arial" w:hAnsi="Arial" w:cs="Arial"/>
                <w:noProof/>
                <w:sz w:val="20"/>
                <w:szCs w:val="20"/>
                <w:lang w:eastAsia="de-CH"/>
              </w:rPr>
              <w:drawing>
                <wp:inline distT="0" distB="0" distL="0" distR="0" wp14:anchorId="3CA976A6" wp14:editId="4C398E1A">
                  <wp:extent cx="127000" cy="179887"/>
                  <wp:effectExtent l="0" t="0" r="6350" b="0"/>
                  <wp:docPr id="5" name="Grafik 5" descr="C:\Users\i0300124\AppData\Local\Packages\Microsoft.MicrosoftEdge_8wekyb3d8bbwe\TempState\Downloads\kisspng-gender-symbol-transgender-hermaphrodite-intersex-symbols-5ac2c543e2e6c6.6902145315227139239294 (1)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0300124\AppData\Local\Packages\Microsoft.MicrosoftEdge_8wekyb3d8bbwe\TempState\Downloads\kisspng-gender-symbol-transgender-hermaphrodite-intersex-symbols-5ac2c543e2e6c6.6902145315227139239294 (1)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0028" cy="1841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AE598A" w:rsidRPr="00DA0828" w14:paraId="418FE784" w14:textId="77777777" w:rsidTr="00A0183E">
        <w:trPr>
          <w:trHeight w:val="435"/>
        </w:trPr>
        <w:tc>
          <w:tcPr>
            <w:tcW w:w="3529" w:type="dxa"/>
            <w:shd w:val="clear" w:color="auto" w:fill="EAF1DD" w:themeFill="accent3" w:themeFillTint="33"/>
            <w:vAlign w:val="center"/>
          </w:tcPr>
          <w:p w14:paraId="28600FF2" w14:textId="77E676C0" w:rsidR="00AE598A" w:rsidRPr="00DA0828" w:rsidRDefault="00AE598A" w:rsidP="0082771F">
            <w:pPr>
              <w:tabs>
                <w:tab w:val="left" w:pos="1134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Name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NAME"/>
                  <w:enabled/>
                  <w:calcOnExit/>
                  <w:textInput/>
                </w:ffData>
              </w:fldChar>
            </w:r>
            <w:bookmarkStart w:id="1" w:name="BetreuungsplanNAME"/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1"/>
          </w:p>
        </w:tc>
        <w:tc>
          <w:tcPr>
            <w:tcW w:w="2120" w:type="dxa"/>
            <w:gridSpan w:val="2"/>
            <w:vMerge w:val="restart"/>
            <w:shd w:val="clear" w:color="auto" w:fill="EAF1DD" w:themeFill="accent3" w:themeFillTint="33"/>
            <w:vAlign w:val="center"/>
          </w:tcPr>
          <w:p w14:paraId="08507F13" w14:textId="1EED19A2" w:rsidR="00AE598A" w:rsidRPr="00DA0828" w:rsidRDefault="00AE598A" w:rsidP="008C794A">
            <w:pPr>
              <w:tabs>
                <w:tab w:val="left" w:pos="1420"/>
              </w:tabs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Geburtsdatum: </w:t>
            </w:r>
            <w:bookmarkStart w:id="2" w:name="BetreuungsplanGebdat"/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Gebdat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2"/>
          </w:p>
        </w:tc>
        <w:tc>
          <w:tcPr>
            <w:tcW w:w="4263" w:type="dxa"/>
            <w:gridSpan w:val="2"/>
            <w:tcBorders>
              <w:bottom w:val="nil"/>
            </w:tcBorders>
            <w:shd w:val="clear" w:color="auto" w:fill="EAF1DD" w:themeFill="accent3" w:themeFillTint="33"/>
            <w:vAlign w:val="center"/>
          </w:tcPr>
          <w:p w14:paraId="1327AC4F" w14:textId="75183115" w:rsidR="00AE598A" w:rsidRPr="00DA0828" w:rsidRDefault="0055242C" w:rsidP="00FE26B1">
            <w:pPr>
              <w:spacing w:after="0"/>
              <w:ind w:right="-108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Datum</w:t>
            </w:r>
            <w:r w:rsidR="00C311BD">
              <w:rPr>
                <w:rFonts w:ascii="Arial" w:hAnsi="Arial" w:cs="Arial"/>
                <w:sz w:val="20"/>
                <w:szCs w:val="20"/>
              </w:rPr>
              <w:t xml:space="preserve"> Ersterfassung</w:t>
            </w:r>
            <w:r w:rsidRPr="00DA0828">
              <w:rPr>
                <w:rFonts w:ascii="Arial" w:hAnsi="Arial" w:cs="Arial"/>
                <w:sz w:val="20"/>
                <w:szCs w:val="20"/>
              </w:rPr>
              <w:t>: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end"/>
            </w:r>
          </w:p>
          <w:p w14:paraId="740A1336" w14:textId="3206D7DE" w:rsidR="00150185" w:rsidRPr="00DA0828" w:rsidRDefault="00150185" w:rsidP="00FE26B1">
            <w:pPr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  <w:r w:rsidRPr="00C311BD">
              <w:rPr>
                <w:rFonts w:ascii="Arial" w:hAnsi="Arial" w:cs="Arial"/>
                <w:sz w:val="20"/>
                <w:szCs w:val="20"/>
                <w:shd w:val="clear" w:color="auto" w:fill="FBD4B4" w:themeFill="accent6" w:themeFillTint="66"/>
              </w:rPr>
              <w:t>zuletzt angepasst am: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AE598A" w:rsidRPr="00DA0828" w14:paraId="7C443262" w14:textId="77777777" w:rsidTr="00A0183E">
        <w:trPr>
          <w:trHeight w:val="509"/>
        </w:trPr>
        <w:tc>
          <w:tcPr>
            <w:tcW w:w="3529" w:type="dxa"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48B1982E" w14:textId="0D85C395" w:rsidR="00AE598A" w:rsidRPr="00DA0828" w:rsidRDefault="00AE598A" w:rsidP="008C794A">
            <w:pPr>
              <w:tabs>
                <w:tab w:val="left" w:pos="1134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Vorname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bookmarkStart w:id="3" w:name="BetreuungsplanVornam"/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Vornam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3"/>
          </w:p>
        </w:tc>
        <w:tc>
          <w:tcPr>
            <w:tcW w:w="2120" w:type="dxa"/>
            <w:gridSpan w:val="2"/>
            <w:vMerge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602805C2" w14:textId="77777777" w:rsidR="00AE598A" w:rsidRPr="00DA0828" w:rsidRDefault="00AE598A" w:rsidP="001F4F0A">
            <w:pPr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63" w:type="dxa"/>
            <w:gridSpan w:val="2"/>
            <w:tcBorders>
              <w:top w:val="nil"/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7A71D6A3" w14:textId="1D7A8494" w:rsidR="00AE598A" w:rsidRPr="00DA0828" w:rsidRDefault="0055242C" w:rsidP="0055242C">
            <w:pPr>
              <w:tabs>
                <w:tab w:val="left" w:pos="527"/>
              </w:tabs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ausgefüllt von:  </w:t>
            </w:r>
            <w:bookmarkStart w:id="4" w:name="BetreuungsplanAusVon"/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end"/>
            </w:r>
            <w:bookmarkEnd w:id="4"/>
            <w:r w:rsidR="00AE598A" w:rsidRPr="00DA0828">
              <w:rPr>
                <w:rFonts w:ascii="Arial" w:hAnsi="Arial" w:cs="Arial"/>
                <w:sz w:val="20"/>
                <w:szCs w:val="20"/>
              </w:rPr>
              <w:br/>
            </w:r>
          </w:p>
        </w:tc>
      </w:tr>
      <w:tr w:rsidR="00A0183E" w:rsidRPr="00DA0828" w14:paraId="18E0146B" w14:textId="77777777" w:rsidTr="00A0183E">
        <w:tblPrEx>
          <w:shd w:val="clear" w:color="auto" w:fill="auto"/>
        </w:tblPrEx>
        <w:trPr>
          <w:trHeight w:val="951"/>
        </w:trPr>
        <w:tc>
          <w:tcPr>
            <w:tcW w:w="4211" w:type="dxa"/>
            <w:gridSpan w:val="2"/>
            <w:vMerge w:val="restart"/>
            <w:shd w:val="clear" w:color="auto" w:fill="EAF1DD" w:themeFill="accent3" w:themeFillTint="33"/>
          </w:tcPr>
          <w:p w14:paraId="5F4DCD84" w14:textId="77777777" w:rsidR="00A0183E" w:rsidRPr="00DA0828" w:rsidRDefault="00A0183E" w:rsidP="004F3116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Adresse</w:t>
            </w:r>
          </w:p>
          <w:p w14:paraId="46D21ACB" w14:textId="311A6EF8" w:rsidR="00A0183E" w:rsidRPr="00DA0828" w:rsidRDefault="00A0183E" w:rsidP="004F3116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055AAF6C" w14:textId="08B91A8C" w:rsidR="00A0183E" w:rsidRPr="00DA0828" w:rsidRDefault="00A0183E" w:rsidP="004F3116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03087544" w14:textId="5E43EE51" w:rsidR="00A0183E" w:rsidRPr="00DA0828" w:rsidRDefault="00A0183E" w:rsidP="004F3116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76875990" w14:textId="67B3079E" w:rsidR="00A0183E" w:rsidRPr="00DA0828" w:rsidRDefault="00A0183E" w:rsidP="004F3116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  <w:tc>
          <w:tcPr>
            <w:tcW w:w="5701" w:type="dxa"/>
            <w:gridSpan w:val="3"/>
            <w:shd w:val="clear" w:color="auto" w:fill="EAF1DD" w:themeFill="accent3" w:themeFillTint="33"/>
            <w:vAlign w:val="center"/>
          </w:tcPr>
          <w:p w14:paraId="4183DB6E" w14:textId="77777777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t>Mutter</w:t>
            </w:r>
          </w:p>
          <w:p w14:paraId="7A85EDF0" w14:textId="399B40B9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Name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7F060E5D" w14:textId="154521BF" w:rsidR="00A0183E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Tel. Nr.: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2662017E" w14:textId="760F2DD1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-Mail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A0183E" w:rsidRPr="00DA0828" w14:paraId="26BBF6EE" w14:textId="77777777" w:rsidTr="00A0183E">
        <w:tblPrEx>
          <w:shd w:val="clear" w:color="auto" w:fill="auto"/>
        </w:tblPrEx>
        <w:trPr>
          <w:trHeight w:val="340"/>
        </w:trPr>
        <w:tc>
          <w:tcPr>
            <w:tcW w:w="4211" w:type="dxa"/>
            <w:gridSpan w:val="2"/>
            <w:vMerge/>
            <w:shd w:val="clear" w:color="auto" w:fill="EAF1DD" w:themeFill="accent3" w:themeFillTint="33"/>
            <w:vAlign w:val="center"/>
          </w:tcPr>
          <w:p w14:paraId="677C17F2" w14:textId="77777777" w:rsidR="00A0183E" w:rsidRPr="00DA0828" w:rsidRDefault="00A0183E" w:rsidP="004F3116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shd w:val="clear" w:color="auto" w:fill="EAF1DD" w:themeFill="accent3" w:themeFillTint="33"/>
            <w:vAlign w:val="center"/>
          </w:tcPr>
          <w:p w14:paraId="1EAF9F45" w14:textId="77777777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t>Vater</w:t>
            </w:r>
          </w:p>
          <w:p w14:paraId="527DD350" w14:textId="078C21F6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Name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40207536" w14:textId="5AF6A65A" w:rsidR="00A0183E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Tel. Nr.: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383D6798" w14:textId="3B34075D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-Mail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A0183E" w:rsidRPr="00DA0828" w14:paraId="0391D6B8" w14:textId="77777777" w:rsidTr="00A0183E">
        <w:tblPrEx>
          <w:shd w:val="clear" w:color="auto" w:fill="auto"/>
        </w:tblPrEx>
        <w:trPr>
          <w:trHeight w:val="340"/>
        </w:trPr>
        <w:tc>
          <w:tcPr>
            <w:tcW w:w="4211" w:type="dxa"/>
            <w:gridSpan w:val="2"/>
            <w:vMerge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13FCD198" w14:textId="77777777" w:rsidR="00A0183E" w:rsidRPr="00DA0828" w:rsidRDefault="00A0183E" w:rsidP="004F3116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6501727B" w14:textId="0B6133CF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Andere Tel.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A0183E" w:rsidRPr="00DA0828" w14:paraId="12DA6F47" w14:textId="77777777" w:rsidTr="00A0183E">
        <w:tblPrEx>
          <w:shd w:val="clear" w:color="auto" w:fill="auto"/>
        </w:tblPrEx>
        <w:trPr>
          <w:trHeight w:val="364"/>
        </w:trPr>
        <w:tc>
          <w:tcPr>
            <w:tcW w:w="9912" w:type="dxa"/>
            <w:gridSpan w:val="5"/>
            <w:tcBorders>
              <w:left w:val="single" w:sz="4" w:space="0" w:color="auto"/>
              <w:right w:val="single" w:sz="4" w:space="0" w:color="auto"/>
            </w:tcBorders>
            <w:shd w:val="clear" w:color="auto" w:fill="EAF1DD" w:themeFill="accent3" w:themeFillTint="33"/>
            <w:vAlign w:val="center"/>
          </w:tcPr>
          <w:p w14:paraId="0CE6F1E4" w14:textId="38252C71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 xml:space="preserve">Religion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A0183E" w:rsidRPr="00DA0828" w14:paraId="5D28AB0C" w14:textId="77777777" w:rsidTr="00D7692D">
        <w:tc>
          <w:tcPr>
            <w:tcW w:w="7910" w:type="dxa"/>
            <w:gridSpan w:val="4"/>
            <w:vMerge w:val="restart"/>
            <w:shd w:val="clear" w:color="auto" w:fill="EAF1DD" w:themeFill="accent3" w:themeFillTint="33"/>
          </w:tcPr>
          <w:p w14:paraId="60EBBA27" w14:textId="77777777" w:rsidR="0025240E" w:rsidRPr="00DA0828" w:rsidRDefault="0025240E" w:rsidP="00704290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Diagnosen</w:t>
            </w:r>
          </w:p>
          <w:p w14:paraId="4E514F52" w14:textId="385CB308" w:rsidR="0025240E" w:rsidRPr="00DA0828" w:rsidRDefault="0025240E" w:rsidP="00704290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205CDEDF" w14:textId="41158DEA" w:rsidR="00DA0828" w:rsidRPr="00DA0828" w:rsidRDefault="00DA0828" w:rsidP="00DA0828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25DEE1F0" w14:textId="77777777" w:rsidR="0025240E" w:rsidRPr="00DA0828" w:rsidRDefault="0025240E" w:rsidP="00DA0828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tcBorders>
              <w:bottom w:val="nil"/>
            </w:tcBorders>
            <w:shd w:val="clear" w:color="auto" w:fill="EAF1DD" w:themeFill="accent3" w:themeFillTint="33"/>
          </w:tcPr>
          <w:p w14:paraId="728E6E41" w14:textId="4F27E410" w:rsidR="0025240E" w:rsidRPr="00DA0828" w:rsidRDefault="0025240E" w:rsidP="00704290">
            <w:pPr>
              <w:tabs>
                <w:tab w:val="left" w:pos="1029"/>
              </w:tabs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Gewicht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2C3646" w:rsidRPr="00DA0828">
              <w:rPr>
                <w:rFonts w:ascii="Arial" w:hAnsi="Arial" w:cs="Arial"/>
                <w:sz w:val="20"/>
                <w:szCs w:val="20"/>
              </w:rPr>
              <w:t>kg</w:t>
            </w:r>
          </w:p>
        </w:tc>
      </w:tr>
      <w:tr w:rsidR="00A0183E" w:rsidRPr="00DA0828" w14:paraId="08A4254E" w14:textId="77777777" w:rsidTr="00D7692D">
        <w:trPr>
          <w:trHeight w:val="923"/>
        </w:trPr>
        <w:tc>
          <w:tcPr>
            <w:tcW w:w="7910" w:type="dxa"/>
            <w:gridSpan w:val="4"/>
            <w:vMerge/>
            <w:shd w:val="clear" w:color="auto" w:fill="EAF1DD" w:themeFill="accent3" w:themeFillTint="33"/>
          </w:tcPr>
          <w:p w14:paraId="7C36D9E0" w14:textId="77777777" w:rsidR="0025240E" w:rsidRPr="00DA0828" w:rsidRDefault="0025240E" w:rsidP="00704290">
            <w:pPr>
              <w:spacing w:before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tcBorders>
              <w:top w:val="nil"/>
            </w:tcBorders>
            <w:shd w:val="clear" w:color="auto" w:fill="EAF1DD" w:themeFill="accent3" w:themeFillTint="33"/>
          </w:tcPr>
          <w:p w14:paraId="5F516381" w14:textId="698A3582" w:rsidR="0025240E" w:rsidRPr="00DA0828" w:rsidRDefault="0025240E" w:rsidP="0055242C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Länge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2C3646" w:rsidRPr="00DA0828">
              <w:rPr>
                <w:rFonts w:ascii="Arial" w:hAnsi="Arial" w:cs="Arial"/>
                <w:sz w:val="20"/>
                <w:szCs w:val="20"/>
              </w:rPr>
              <w:t>cm</w:t>
            </w:r>
          </w:p>
          <w:p w14:paraId="506332E4" w14:textId="38CDE546" w:rsidR="0025240E" w:rsidRPr="00DA0828" w:rsidRDefault="002C3646" w:rsidP="00D7692D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Erhoben/aktualisiert am: 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A0183E" w:rsidRPr="00DA0828" w14:paraId="6DC3313C" w14:textId="77777777" w:rsidTr="00D7692D">
        <w:trPr>
          <w:trHeight w:val="1426"/>
        </w:trPr>
        <w:tc>
          <w:tcPr>
            <w:tcW w:w="7910" w:type="dxa"/>
            <w:gridSpan w:val="4"/>
            <w:vMerge/>
            <w:shd w:val="clear" w:color="auto" w:fill="EAF1DD" w:themeFill="accent3" w:themeFillTint="33"/>
          </w:tcPr>
          <w:p w14:paraId="1C37D7F6" w14:textId="77777777" w:rsidR="0025240E" w:rsidRPr="00DA0828" w:rsidRDefault="0025240E" w:rsidP="00704290">
            <w:pPr>
              <w:spacing w:before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shd w:val="clear" w:color="auto" w:fill="EAF1DD" w:themeFill="accent3" w:themeFillTint="33"/>
          </w:tcPr>
          <w:p w14:paraId="2564BBCE" w14:textId="77777777" w:rsidR="002C3646" w:rsidRPr="00DA0828" w:rsidRDefault="006B609F" w:rsidP="0055242C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START-IMPACT</w:t>
            </w:r>
            <w:r w:rsidR="002C3646" w:rsidRPr="00DA0828">
              <w:rPr>
                <w:rFonts w:ascii="Arial" w:hAnsi="Arial" w:cs="Arial"/>
                <w:b/>
                <w:sz w:val="20"/>
                <w:szCs w:val="20"/>
              </w:rPr>
              <w:t xml:space="preserve">: </w:t>
            </w:r>
          </w:p>
          <w:p w14:paraId="24859399" w14:textId="5E3BA780" w:rsidR="0025240E" w:rsidRPr="00DA0828" w:rsidRDefault="002C3646" w:rsidP="0055242C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Summe: 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37C0C2E" w14:textId="5672A943" w:rsidR="0025240E" w:rsidRDefault="002C3646" w:rsidP="0025240E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Erhoben/aktualisiert am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t xml:space="preserve">: 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4BA7570B" w14:textId="0F1B9B07" w:rsidR="0025240E" w:rsidRPr="006B609F" w:rsidRDefault="0025240E" w:rsidP="00FB4238">
            <w:pPr>
              <w:tabs>
                <w:tab w:val="left" w:pos="1026"/>
              </w:tabs>
              <w:spacing w:after="60" w:line="24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0183E" w:rsidRPr="00DA0828" w14:paraId="3E4E2680" w14:textId="77777777" w:rsidTr="00A0183E">
        <w:trPr>
          <w:trHeight w:val="397"/>
        </w:trPr>
        <w:tc>
          <w:tcPr>
            <w:tcW w:w="9912" w:type="dxa"/>
            <w:gridSpan w:val="5"/>
            <w:tcBorders>
              <w:bottom w:val="single" w:sz="4" w:space="0" w:color="auto"/>
            </w:tcBorders>
            <w:shd w:val="clear" w:color="auto" w:fill="EAF1DD" w:themeFill="accent3" w:themeFillTint="33"/>
            <w:vAlign w:val="bottom"/>
          </w:tcPr>
          <w:p w14:paraId="7444CEBE" w14:textId="1EFD3C9E" w:rsidR="00704290" w:rsidRPr="00DA0828" w:rsidRDefault="00604405" w:rsidP="00AE598A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Allergien/Unverträglichkeiten</w:t>
            </w:r>
            <w:r w:rsidR="00AE598A" w:rsidRPr="00DA0828">
              <w:rPr>
                <w:rFonts w:ascii="Arial" w:hAnsi="Arial" w:cs="Arial"/>
                <w:sz w:val="20"/>
                <w:szCs w:val="20"/>
              </w:rPr>
              <w:tab/>
            </w:r>
            <w:r w:rsidR="00A8618B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A8618B" w:rsidRPr="00DA0828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20"/>
                <w:szCs w:val="20"/>
              </w:rPr>
            </w:r>
            <w:r w:rsidR="0031321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A8618B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A8618B"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A8618B" w:rsidRPr="00DA0828">
              <w:rPr>
                <w:rFonts w:ascii="Arial" w:hAnsi="Arial" w:cs="Arial"/>
                <w:b/>
                <w:sz w:val="20"/>
                <w:szCs w:val="20"/>
              </w:rPr>
              <w:t xml:space="preserve">  nicht relevant</w:t>
            </w:r>
          </w:p>
          <w:p w14:paraId="0EBC4A49" w14:textId="74D1C959" w:rsidR="00704290" w:rsidRPr="00DA0828" w:rsidRDefault="00704290" w:rsidP="00704290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687A7E5A" w14:textId="77777777" w:rsidR="00704290" w:rsidRPr="00DA0828" w:rsidRDefault="00704290" w:rsidP="00704290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A0183E" w:rsidRPr="00DA0828" w14:paraId="3B8F7D3F" w14:textId="77777777" w:rsidTr="00A0183E">
        <w:trPr>
          <w:trHeight w:val="397"/>
        </w:trPr>
        <w:tc>
          <w:tcPr>
            <w:tcW w:w="9912" w:type="dxa"/>
            <w:gridSpan w:val="5"/>
            <w:tcBorders>
              <w:left w:val="nil"/>
              <w:bottom w:val="nil"/>
              <w:right w:val="nil"/>
            </w:tcBorders>
            <w:shd w:val="clear" w:color="auto" w:fill="FFFFFF" w:themeFill="background1"/>
            <w:vAlign w:val="bottom"/>
          </w:tcPr>
          <w:p w14:paraId="5727D43D" w14:textId="77777777" w:rsidR="00A0183E" w:rsidRDefault="00A0183E" w:rsidP="00AE598A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2E061CE6" w14:textId="77777777" w:rsidR="00A0183E" w:rsidRPr="00DA0828" w:rsidRDefault="00A0183E" w:rsidP="00AE598A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tbl>
      <w:tblPr>
        <w:tblStyle w:val="Tabellenraster1"/>
        <w:tblW w:w="9892" w:type="dxa"/>
        <w:tblBorders>
          <w:top w:val="triple" w:sz="4" w:space="0" w:color="auto"/>
          <w:left w:val="triple" w:sz="4" w:space="0" w:color="auto"/>
          <w:bottom w:val="triple" w:sz="4" w:space="0" w:color="auto"/>
          <w:right w:val="triple" w:sz="4" w:space="0" w:color="auto"/>
          <w:insideH w:val="single" w:sz="6" w:space="0" w:color="auto"/>
          <w:insideV w:val="single" w:sz="6" w:space="0" w:color="auto"/>
        </w:tblBorders>
        <w:shd w:val="clear" w:color="auto" w:fill="D9D9D9" w:themeFill="background1" w:themeFillShade="D9"/>
        <w:tblLayout w:type="fixed"/>
        <w:tblLook w:val="04A0" w:firstRow="1" w:lastRow="0" w:firstColumn="1" w:lastColumn="0" w:noHBand="0" w:noVBand="1"/>
      </w:tblPr>
      <w:tblGrid>
        <w:gridCol w:w="4937"/>
        <w:gridCol w:w="4955"/>
      </w:tblGrid>
      <w:tr w:rsidR="00F4334A" w:rsidRPr="00E24145" w14:paraId="33DFBE65" w14:textId="77777777" w:rsidTr="00A0183E">
        <w:trPr>
          <w:trHeight w:val="340"/>
        </w:trPr>
        <w:tc>
          <w:tcPr>
            <w:tcW w:w="9892" w:type="dxa"/>
            <w:gridSpan w:val="2"/>
            <w:tcBorders>
              <w:top w:val="triple" w:sz="4" w:space="0" w:color="auto"/>
              <w:bottom w:val="single" w:sz="4" w:space="0" w:color="auto"/>
            </w:tcBorders>
            <w:shd w:val="clear" w:color="auto" w:fill="D9D9D9" w:themeFill="background1" w:themeFillShade="D9"/>
          </w:tcPr>
          <w:p w14:paraId="0AC49DA0" w14:textId="77777777" w:rsidR="00F4334A" w:rsidRPr="00E24145" w:rsidRDefault="00F4334A" w:rsidP="00DA0828">
            <w:pPr>
              <w:rPr>
                <w:rFonts w:ascii="Arial" w:hAnsi="Arial" w:cs="Arial"/>
                <w:sz w:val="24"/>
                <w:szCs w:val="24"/>
              </w:rPr>
            </w:pPr>
            <w:r w:rsidRPr="00E24145">
              <w:rPr>
                <w:rFonts w:ascii="Arial" w:hAnsi="Arial" w:cs="Arial"/>
                <w:b/>
                <w:sz w:val="24"/>
                <w:szCs w:val="24"/>
              </w:rPr>
              <w:t>Notfallmanagement</w:t>
            </w:r>
          </w:p>
        </w:tc>
      </w:tr>
      <w:tr w:rsidR="00DA0828" w:rsidRPr="00DA0828" w14:paraId="25E0A158" w14:textId="77777777" w:rsidTr="00D536CB">
        <w:tc>
          <w:tcPr>
            <w:tcW w:w="4937" w:type="dxa"/>
            <w:tcBorders>
              <w:top w:val="nil"/>
              <w:bottom w:val="single" w:sz="6" w:space="0" w:color="auto"/>
            </w:tcBorders>
            <w:shd w:val="clear" w:color="auto" w:fill="F2F2F2" w:themeFill="background1" w:themeFillShade="F2"/>
          </w:tcPr>
          <w:p w14:paraId="2997F62B" w14:textId="77777777" w:rsidR="00DA0828" w:rsidRPr="00D7692D" w:rsidRDefault="00D7692D" w:rsidP="00D7692D">
            <w:pPr>
              <w:spacing w:line="240" w:lineRule="auto"/>
              <w:rPr>
                <w:rFonts w:ascii="Arial" w:hAnsi="Arial" w:cs="Arial"/>
                <w:sz w:val="20"/>
                <w:szCs w:val="20"/>
                <w:lang w:val="en-GB"/>
              </w:rPr>
            </w:pPr>
            <w:r>
              <w:rPr>
                <w:rFonts w:ascii="Arial" w:hAnsi="Arial" w:cs="Arial"/>
                <w:sz w:val="20"/>
                <w:szCs w:val="20"/>
                <w:lang w:val="en-GB"/>
              </w:rPr>
              <w:t>Z</w:t>
            </w:r>
            <w:r w:rsidR="00DA0828" w:rsidRPr="00D7692D">
              <w:rPr>
                <w:rFonts w:ascii="Arial" w:hAnsi="Arial" w:cs="Arial"/>
                <w:sz w:val="20"/>
                <w:szCs w:val="20"/>
                <w:lang w:val="en-GB"/>
              </w:rPr>
              <w:t>u erwartende Symptomatik</w:t>
            </w:r>
          </w:p>
          <w:p w14:paraId="45CBA26B" w14:textId="6B36C3AC" w:rsidR="00DA0828" w:rsidRPr="00DA0828" w:rsidRDefault="00DA0828" w:rsidP="00DA0828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022B1B2" w14:textId="5107AC96" w:rsidR="00DA0828" w:rsidRPr="00DA0828" w:rsidRDefault="00DA0828" w:rsidP="00DA0828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E07D6CD" w14:textId="51F343DA" w:rsidR="00DA0828" w:rsidRPr="00DA0828" w:rsidRDefault="00DA0828" w:rsidP="00DA0828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17790D5A" w14:textId="2C0DDCF3" w:rsidR="00DA0828" w:rsidRPr="00C057E7" w:rsidRDefault="00DA0828" w:rsidP="00C057E7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955" w:type="dxa"/>
            <w:tcBorders>
              <w:top w:val="nil"/>
              <w:bottom w:val="single" w:sz="6" w:space="0" w:color="auto"/>
            </w:tcBorders>
            <w:shd w:val="clear" w:color="auto" w:fill="F2F2F2" w:themeFill="background1" w:themeFillShade="F2"/>
          </w:tcPr>
          <w:p w14:paraId="1A01EE0B" w14:textId="77777777" w:rsidR="00DA0828" w:rsidRPr="00DA0828" w:rsidRDefault="00DA0828" w:rsidP="00D7692D">
            <w:pPr>
              <w:spacing w:line="240" w:lineRule="auto"/>
              <w:rPr>
                <w:rFonts w:ascii="Arial" w:hAnsi="Arial" w:cs="Arial"/>
                <w:sz w:val="20"/>
                <w:szCs w:val="20"/>
                <w:lang w:val="en-GB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val="en-GB"/>
              </w:rPr>
              <w:t>Stufenplan</w:t>
            </w:r>
            <w:r w:rsidR="00D7692D">
              <w:rPr>
                <w:rFonts w:ascii="Arial" w:hAnsi="Arial" w:cs="Arial"/>
                <w:sz w:val="20"/>
                <w:szCs w:val="20"/>
                <w:lang w:val="en-GB"/>
              </w:rPr>
              <w:t xml:space="preserve"> (Details siehe Seite 3)</w:t>
            </w:r>
          </w:p>
          <w:p w14:paraId="5715E640" w14:textId="3EE76867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tabs>
                <w:tab w:val="left" w:pos="262"/>
              </w:tabs>
              <w:spacing w:line="240" w:lineRule="auto"/>
              <w:ind w:left="583"/>
              <w:rPr>
                <w:rFonts w:eastAsiaTheme="minorHAnsi"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  <w:p w14:paraId="7E2EFF4F" w14:textId="7B191DBB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  <w:p w14:paraId="6C0586A3" w14:textId="637409AB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  <w:p w14:paraId="623EFF9A" w14:textId="27C1BF72" w:rsidR="00DA0828" w:rsidRPr="00C057E7" w:rsidRDefault="00DA0828" w:rsidP="00C057E7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 w:right="-57"/>
              <w:rPr>
                <w:rFonts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="00324500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</w:tc>
      </w:tr>
      <w:tr w:rsidR="00DA0828" w:rsidRPr="00DA0828" w14:paraId="4A7B5D69" w14:textId="77777777" w:rsidTr="00D31385">
        <w:tc>
          <w:tcPr>
            <w:tcW w:w="9892" w:type="dxa"/>
            <w:gridSpan w:val="2"/>
            <w:tcBorders>
              <w:top w:val="single" w:sz="6" w:space="0" w:color="auto"/>
            </w:tcBorders>
            <w:shd w:val="clear" w:color="auto" w:fill="FFFF00"/>
          </w:tcPr>
          <w:p w14:paraId="359A841C" w14:textId="77777777" w:rsidR="00DA0828" w:rsidRPr="00DA0828" w:rsidRDefault="00DA0828" w:rsidP="00DA0828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Notfallkontakte (Name/Funktion/Priorität/Tel Nr.)</w:t>
            </w:r>
          </w:p>
          <w:p w14:paraId="03CB0988" w14:textId="231D5824" w:rsidR="00DA0828" w:rsidRPr="00DA0828" w:rsidRDefault="00DA0828" w:rsidP="00DA0828">
            <w:pPr>
              <w:numPr>
                <w:ilvl w:val="0"/>
                <w:numId w:val="9"/>
              </w:numPr>
              <w:spacing w:after="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1F395457" w14:textId="05665C54" w:rsidR="00DA0828" w:rsidRPr="00DA0828" w:rsidRDefault="00DA0828" w:rsidP="00DA0828">
            <w:pPr>
              <w:numPr>
                <w:ilvl w:val="0"/>
                <w:numId w:val="9"/>
              </w:numPr>
              <w:spacing w:after="6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75654E57" w14:textId="28ECD2A7" w:rsidR="00DA0828" w:rsidRPr="00DA0828" w:rsidRDefault="00DA0828" w:rsidP="00DA0828">
            <w:pPr>
              <w:numPr>
                <w:ilvl w:val="0"/>
                <w:numId w:val="9"/>
              </w:numPr>
              <w:spacing w:after="6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5E337D" w:rsidRPr="00DA0828" w14:paraId="34A719DD" w14:textId="77777777" w:rsidTr="00D536CB">
        <w:tc>
          <w:tcPr>
            <w:tcW w:w="4937" w:type="dxa"/>
            <w:shd w:val="clear" w:color="auto" w:fill="FFC000"/>
          </w:tcPr>
          <w:p w14:paraId="79BB5E15" w14:textId="77777777" w:rsidR="005E337D" w:rsidRDefault="005E337D" w:rsidP="00D7692D">
            <w:pPr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Reanimationsstatus </w:t>
            </w:r>
          </w:p>
          <w:p w14:paraId="24153CC6" w14:textId="6F90B7EB" w:rsidR="005E337D" w:rsidRDefault="005E337D" w:rsidP="00D7692D">
            <w:pPr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Rea-Vorgehen gemäss Standard (z.B. PALS) </w:t>
            </w:r>
          </w:p>
          <w:p w14:paraId="56A971D4" w14:textId="594FD43C" w:rsidR="005E337D" w:rsidRPr="00D536CB" w:rsidRDefault="005E337D" w:rsidP="001529C3">
            <w:pPr>
              <w:rPr>
                <w:rFonts w:ascii="Arial" w:hAnsi="Arial" w:cs="Arial"/>
                <w:bCs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 ja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311BD">
              <w:rPr>
                <w:rFonts w:ascii="Arial" w:hAnsi="Arial" w:cs="Arial"/>
                <w:sz w:val="13"/>
                <w:szCs w:val="13"/>
              </w:rPr>
              <w:t>( = keine individuelle Anpassung)</w:t>
            </w:r>
            <w:r>
              <w:rPr>
                <w:rFonts w:ascii="Arial" w:hAnsi="Arial" w:cs="Arial"/>
                <w:sz w:val="13"/>
                <w:szCs w:val="13"/>
              </w:rPr>
              <w:t xml:space="preserve">   </w:t>
            </w:r>
            <w:r w:rsidRPr="00C311BD">
              <w:rPr>
                <w:rFonts w:ascii="Arial" w:hAnsi="Arial" w:cs="Arial"/>
                <w:sz w:val="13"/>
                <w:szCs w:val="13"/>
              </w:rPr>
              <w:t xml:space="preserve">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differenziert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311BD">
              <w:rPr>
                <w:rFonts w:ascii="Arial" w:hAnsi="Arial" w:cs="Arial"/>
                <w:sz w:val="13"/>
                <w:szCs w:val="13"/>
              </w:rPr>
              <w:t xml:space="preserve">( = </w:t>
            </w:r>
            <w:r>
              <w:rPr>
                <w:rFonts w:ascii="Arial" w:hAnsi="Arial" w:cs="Arial"/>
                <w:sz w:val="13"/>
                <w:szCs w:val="13"/>
              </w:rPr>
              <w:t>s. unten)</w:t>
            </w:r>
          </w:p>
        </w:tc>
        <w:tc>
          <w:tcPr>
            <w:tcW w:w="4955" w:type="dxa"/>
            <w:vMerge w:val="restart"/>
            <w:shd w:val="clear" w:color="auto" w:fill="FBD4B4" w:themeFill="accent6" w:themeFillTint="66"/>
          </w:tcPr>
          <w:p w14:paraId="5F1CC535" w14:textId="77777777" w:rsidR="005E337D" w:rsidRDefault="005E337D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Ergänzende Information zum Reanimationsstatus </w:t>
            </w:r>
          </w:p>
          <w:p w14:paraId="71B8C8FF" w14:textId="77777777" w:rsidR="005E337D" w:rsidRDefault="005E337D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0EAF26D1" w14:textId="582D62E8" w:rsidR="005E337D" w:rsidRDefault="005E337D" w:rsidP="00757C42">
            <w:pPr>
              <w:spacing w:after="0" w:line="240" w:lineRule="auto"/>
              <w:rPr>
                <w:rFonts w:ascii="Arial" w:hAnsi="Arial" w:cs="Arial"/>
                <w:bCs/>
                <w:sz w:val="20"/>
                <w:szCs w:val="20"/>
              </w:rPr>
            </w:pPr>
            <w:r w:rsidRPr="00D536CB">
              <w:rPr>
                <w:rFonts w:ascii="Arial" w:hAnsi="Arial" w:cs="Arial"/>
                <w:bCs/>
                <w:sz w:val="20"/>
                <w:szCs w:val="20"/>
              </w:rPr>
              <w:t>(zwingend falls "differenziert")</w:t>
            </w:r>
          </w:p>
          <w:p w14:paraId="006C9F31" w14:textId="76D76008" w:rsidR="005E337D" w:rsidRDefault="005E337D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3F8C1655" w14:textId="27F2AD96" w:rsidR="005E337D" w:rsidRDefault="005E337D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Beschreibung differenziertes Vorgehen</w:t>
            </w:r>
          </w:p>
          <w:p w14:paraId="3784A5BF" w14:textId="77777777" w:rsidR="005E337D" w:rsidRPr="00D536CB" w:rsidRDefault="005E337D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1D57D107" w14:textId="3AF8B31C" w:rsidR="005E337D" w:rsidRPr="002B0CCB" w:rsidRDefault="005E337D" w:rsidP="002B0CCB">
            <w:pPr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7E2FF99F" w14:textId="57BC7105" w:rsidR="005E337D" w:rsidRDefault="005E337D" w:rsidP="0050217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Begründung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/ Wertehaltung</w:t>
            </w:r>
          </w:p>
          <w:p w14:paraId="7070DBA4" w14:textId="6ED3E75D" w:rsidR="005E337D" w:rsidRPr="002B0CCB" w:rsidRDefault="005E337D" w:rsidP="001529C3">
            <w:pPr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5E337D" w:rsidRPr="00DA0828" w14:paraId="5D054EDB" w14:textId="77777777" w:rsidTr="00D536CB">
        <w:tc>
          <w:tcPr>
            <w:tcW w:w="4937" w:type="dxa"/>
            <w:shd w:val="clear" w:color="auto" w:fill="FFC000"/>
          </w:tcPr>
          <w:p w14:paraId="3C4A7654" w14:textId="77777777" w:rsidR="005E337D" w:rsidRDefault="005E337D" w:rsidP="00D536CB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Therapieoptionen</w:t>
            </w:r>
          </w:p>
          <w:p w14:paraId="18ED208B" w14:textId="763DC7E7" w:rsidR="005E337D" w:rsidRDefault="005E337D" w:rsidP="00D536CB">
            <w:pPr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9D781B">
              <w:rPr>
                <w:rFonts w:ascii="Arial" w:hAnsi="Arial" w:cs="Arial"/>
                <w:b/>
                <w:sz w:val="20"/>
                <w:szCs w:val="20"/>
              </w:rPr>
              <w:t>CPR / Herzdruckmassage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         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 nein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</w:p>
          <w:p w14:paraId="5C06329C" w14:textId="4AF4BF76" w:rsidR="005E337D" w:rsidRPr="00DA0828" w:rsidRDefault="005E337D" w:rsidP="00D536CB">
            <w:pPr>
              <w:tabs>
                <w:tab w:val="left" w:pos="0"/>
              </w:tabs>
              <w:spacing w:after="0" w:line="288" w:lineRule="auto"/>
              <w:rPr>
                <w:rFonts w:ascii="Arial" w:hAnsi="Arial" w:cs="Arial"/>
                <w:b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otfalldiagnostik  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differenziert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0C410886" w14:textId="7348A6F4" w:rsidR="005E337D" w:rsidRDefault="005E337D" w:rsidP="005E337D">
            <w:pPr>
              <w:tabs>
                <w:tab w:val="left" w:pos="1675"/>
              </w:tabs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</w:p>
          <w:p w14:paraId="72FBE160" w14:textId="61BADCF4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lastRenderedPageBreak/>
              <w:t>Sauerstoff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 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44020F12" w14:textId="74840A90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Antibiotika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 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1E08EE4C" w14:textId="5913B5A0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Absauge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 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57AA9B65" w14:textId="605E0ED7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Bebeutel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 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47185DF6" w14:textId="2CE2C59D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Verlegung auf IPS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 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0CD99244" w14:textId="4452A730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Nicht-invasive Beatmung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 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11CD03C3" w14:textId="34192509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Intubatio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 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1ADC6A0E" w14:textId="20E62863" w:rsidR="005E337D" w:rsidRDefault="005E337D" w:rsidP="00D536CB">
            <w:pPr>
              <w:spacing w:after="0" w:line="240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Katecholamine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 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451CA581" w14:textId="5D4428C1" w:rsidR="005E337D" w:rsidRPr="00DA0828" w:rsidRDefault="005E337D" w:rsidP="00D536CB">
            <w:pPr>
              <w:spacing w:after="0" w:line="240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</w:p>
        </w:tc>
        <w:tc>
          <w:tcPr>
            <w:tcW w:w="4955" w:type="dxa"/>
            <w:vMerge/>
            <w:shd w:val="clear" w:color="auto" w:fill="FBD4B4" w:themeFill="accent6" w:themeFillTint="66"/>
          </w:tcPr>
          <w:p w14:paraId="3E2999FD" w14:textId="6154683E" w:rsidR="005E337D" w:rsidRPr="00DA0828" w:rsidRDefault="005E337D" w:rsidP="001529C3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801E07" w:rsidRPr="00DA0828" w14:paraId="0DAE8B4F" w14:textId="77777777" w:rsidTr="00C311BD">
        <w:trPr>
          <w:trHeight w:val="462"/>
        </w:trPr>
        <w:tc>
          <w:tcPr>
            <w:tcW w:w="4937" w:type="dxa"/>
            <w:shd w:val="clear" w:color="auto" w:fill="E36C0A" w:themeFill="accent6" w:themeFillShade="BF"/>
          </w:tcPr>
          <w:p w14:paraId="68341F68" w14:textId="77777777" w:rsidR="00801E07" w:rsidRDefault="00801E07" w:rsidP="00801E07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Spezialfall Rea-Vorgehen intra/perioperativ</w:t>
            </w:r>
          </w:p>
          <w:p w14:paraId="1DA7C28F" w14:textId="375DD60E" w:rsidR="00801E07" w:rsidRDefault="00801E07" w:rsidP="00801E07">
            <w:pPr>
              <w:rPr>
                <w:rFonts w:ascii="Arial" w:hAnsi="Arial" w:cs="Arial"/>
                <w:bCs/>
                <w:sz w:val="20"/>
                <w:szCs w:val="20"/>
              </w:rPr>
            </w:pPr>
            <w:r w:rsidRPr="009D781B">
              <w:rPr>
                <w:rFonts w:ascii="Arial" w:hAnsi="Arial" w:cs="Arial"/>
                <w:b/>
                <w:sz w:val="20"/>
                <w:szCs w:val="20"/>
              </w:rPr>
              <w:t>CPR / Herzdruckmassage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         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 nein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bCs/>
                <w:sz w:val="20"/>
                <w:szCs w:val="20"/>
              </w:rPr>
            </w:r>
            <w:r w:rsidR="0031321E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</w:p>
          <w:p w14:paraId="4577F6BE" w14:textId="3E8F99A1" w:rsidR="00801E07" w:rsidRPr="00801E07" w:rsidRDefault="00801E07" w:rsidP="00801E07">
            <w:pPr>
              <w:spacing w:after="0" w:line="240" w:lineRule="auto"/>
              <w:rPr>
                <w:rFonts w:ascii="Arial" w:hAnsi="Arial" w:cs="Arial"/>
                <w:bCs/>
                <w:sz w:val="20"/>
                <w:szCs w:val="20"/>
              </w:rPr>
            </w:pPr>
            <w:r w:rsidRPr="00801E07">
              <w:rPr>
                <w:rFonts w:ascii="Arial" w:hAnsi="Arial" w:cs="Arial"/>
                <w:bCs/>
                <w:sz w:val="20"/>
                <w:szCs w:val="20"/>
              </w:rPr>
              <w:t>Anmerkung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955" w:type="dxa"/>
            <w:shd w:val="clear" w:color="auto" w:fill="F2F2F2" w:themeFill="background1" w:themeFillShade="F2"/>
          </w:tcPr>
          <w:p w14:paraId="3E819E9C" w14:textId="4603ADB6" w:rsidR="00801E07" w:rsidRPr="00DA0828" w:rsidRDefault="00801E07" w:rsidP="00801E07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801E07" w:rsidRPr="00DA0828" w14:paraId="5491B8F6" w14:textId="77777777" w:rsidTr="00A0183E">
        <w:trPr>
          <w:trHeight w:val="462"/>
        </w:trPr>
        <w:tc>
          <w:tcPr>
            <w:tcW w:w="9892" w:type="dxa"/>
            <w:gridSpan w:val="2"/>
            <w:shd w:val="clear" w:color="auto" w:fill="F2F2F2" w:themeFill="background1" w:themeFillShade="F2"/>
          </w:tcPr>
          <w:p w14:paraId="6C42FB9D" w14:textId="78B17867" w:rsidR="00801E07" w:rsidRPr="00DA0828" w:rsidRDefault="00801E07" w:rsidP="00801E07">
            <w:pPr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Besprochen</w:t>
            </w:r>
            <w:r>
              <w:rPr>
                <w:rFonts w:ascii="Arial" w:hAnsi="Arial" w:cs="Arial"/>
                <w:sz w:val="20"/>
                <w:szCs w:val="20"/>
              </w:rPr>
              <w:t xml:space="preserve"> zuletzt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am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t xml:space="preserve"> , durch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52990CED" w14:textId="7E244D9B" w:rsidR="00801E07" w:rsidRPr="00DA0828" w:rsidRDefault="00801E07" w:rsidP="00801E07">
            <w:pPr>
              <w:spacing w:after="12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Gespräch geplant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tbl>
      <w:tblPr>
        <w:tblW w:w="10060" w:type="dxa"/>
        <w:tblBorders>
          <w:top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4223"/>
        <w:gridCol w:w="5837"/>
      </w:tblGrid>
      <w:tr w:rsidR="00AD6E60" w:rsidRPr="00DA0828" w14:paraId="2C394AA7" w14:textId="77777777" w:rsidTr="00A0183E">
        <w:trPr>
          <w:trHeight w:val="308"/>
        </w:trPr>
        <w:tc>
          <w:tcPr>
            <w:tcW w:w="4223" w:type="dxa"/>
          </w:tcPr>
          <w:p w14:paraId="75719F8A" w14:textId="77777777" w:rsidR="00AD6E60" w:rsidRPr="00DA0828" w:rsidRDefault="00AD6E60" w:rsidP="00FC52B9">
            <w:pPr>
              <w:spacing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837" w:type="dxa"/>
            <w:vAlign w:val="center"/>
          </w:tcPr>
          <w:p w14:paraId="230259BC" w14:textId="77777777" w:rsidR="00AD6E60" w:rsidRPr="00DA0828" w:rsidRDefault="00AD6E60" w:rsidP="00FC52B9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</w:p>
        </w:tc>
      </w:tr>
    </w:tbl>
    <w:p w14:paraId="2CF1BBD7" w14:textId="77777777" w:rsidR="00915B8A" w:rsidRPr="00A0183E" w:rsidRDefault="00915B8A">
      <w:pPr>
        <w:spacing w:after="0" w:line="240" w:lineRule="auto"/>
        <w:rPr>
          <w:rFonts w:ascii="Arial" w:hAnsi="Arial" w:cs="Arial"/>
          <w:sz w:val="24"/>
          <w:szCs w:val="24"/>
        </w:rPr>
      </w:pPr>
    </w:p>
    <w:tbl>
      <w:tblPr>
        <w:tblW w:w="99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9912"/>
      </w:tblGrid>
      <w:tr w:rsidR="00915B8A" w:rsidRPr="00915B8A" w14:paraId="6EC36EAC" w14:textId="77777777" w:rsidTr="00A0183E">
        <w:trPr>
          <w:trHeight w:val="340"/>
        </w:trPr>
        <w:tc>
          <w:tcPr>
            <w:tcW w:w="9912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CCC0D9" w:themeFill="accent4" w:themeFillTint="66"/>
          </w:tcPr>
          <w:p w14:paraId="50BFF268" w14:textId="77777777" w:rsidR="00915B8A" w:rsidRPr="00A0183E" w:rsidRDefault="00A0183E" w:rsidP="00915B8A">
            <w:pPr>
              <w:spacing w:after="0" w:line="240" w:lineRule="auto"/>
              <w:rPr>
                <w:rFonts w:ascii="Arial" w:hAnsi="Arial" w:cs="Arial"/>
                <w:b/>
                <w:sz w:val="24"/>
                <w:szCs w:val="24"/>
              </w:rPr>
            </w:pPr>
            <w:r w:rsidRPr="00A0183E">
              <w:rPr>
                <w:rFonts w:ascii="Arial" w:hAnsi="Arial" w:cs="Arial"/>
                <w:b/>
                <w:sz w:val="24"/>
                <w:szCs w:val="24"/>
              </w:rPr>
              <w:t xml:space="preserve">Besondere Wünsche </w:t>
            </w:r>
            <w:r>
              <w:rPr>
                <w:rFonts w:ascii="Arial" w:hAnsi="Arial" w:cs="Arial"/>
                <w:b/>
                <w:sz w:val="24"/>
                <w:szCs w:val="24"/>
              </w:rPr>
              <w:t>und w</w:t>
            </w:r>
            <w:r w:rsidR="00915B8A" w:rsidRPr="00A0183E">
              <w:rPr>
                <w:rFonts w:ascii="Arial" w:hAnsi="Arial" w:cs="Arial"/>
                <w:b/>
                <w:sz w:val="24"/>
                <w:szCs w:val="24"/>
              </w:rPr>
              <w:t>ichtige Kraftquellen/Ressourcen der Familie</w:t>
            </w:r>
          </w:p>
        </w:tc>
      </w:tr>
      <w:tr w:rsidR="00915B8A" w:rsidRPr="00DA0828" w14:paraId="0A4B8912" w14:textId="77777777" w:rsidTr="00A0183E">
        <w:tc>
          <w:tcPr>
            <w:tcW w:w="9912" w:type="dxa"/>
            <w:shd w:val="clear" w:color="auto" w:fill="E5DFEC" w:themeFill="accent4" w:themeFillTint="33"/>
          </w:tcPr>
          <w:p w14:paraId="5A79B617" w14:textId="218FA24D" w:rsidR="00915B8A" w:rsidRPr="00DA0828" w:rsidRDefault="00915B8A" w:rsidP="00D77214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Kind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br/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14"/>
                  <w:enabled/>
                  <w:calcOnExit w:val="0"/>
                  <w:textInput/>
                </w:ffData>
              </w:fldChar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C057E7" w:rsidRPr="00DA0828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tab/>
            </w:r>
          </w:p>
        </w:tc>
      </w:tr>
      <w:tr w:rsidR="00915B8A" w:rsidRPr="00DA0828" w14:paraId="47124316" w14:textId="77777777" w:rsidTr="00A0183E">
        <w:tc>
          <w:tcPr>
            <w:tcW w:w="9912" w:type="dxa"/>
            <w:shd w:val="clear" w:color="auto" w:fill="E5DFEC" w:themeFill="accent4" w:themeFillTint="33"/>
          </w:tcPr>
          <w:p w14:paraId="0ED61C8F" w14:textId="538D4C92" w:rsidR="00915B8A" w:rsidRPr="00DA0828" w:rsidRDefault="00915B8A" w:rsidP="00915B8A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Familie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br/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p w14:paraId="22A4721E" w14:textId="77777777" w:rsidR="00915B8A" w:rsidRDefault="00915B8A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19BABB8C" w14:textId="77777777" w:rsidR="007C15DB" w:rsidRDefault="007C15DB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DA0828">
        <w:rPr>
          <w:rFonts w:ascii="Arial" w:hAnsi="Arial" w:cs="Arial"/>
          <w:sz w:val="20"/>
          <w:szCs w:val="20"/>
        </w:rPr>
        <w:br w:type="page"/>
      </w:r>
    </w:p>
    <w:p w14:paraId="2BB9AAC0" w14:textId="77777777" w:rsidR="00915B8A" w:rsidRPr="00DA0828" w:rsidRDefault="00915B8A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0CD846C5" w14:textId="77777777" w:rsidR="00546030" w:rsidRPr="00DA0828" w:rsidRDefault="00546030" w:rsidP="00546030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601F9DD3" w14:textId="77777777" w:rsidR="005B09E5" w:rsidRPr="00DA0828" w:rsidRDefault="005B09E5" w:rsidP="005B09E5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W w:w="99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541"/>
        <w:gridCol w:w="7371"/>
      </w:tblGrid>
      <w:tr w:rsidR="00F01DF4" w:rsidRPr="00A0183E" w14:paraId="0DB28DE1" w14:textId="77777777" w:rsidTr="00A0183E">
        <w:trPr>
          <w:trHeight w:val="277"/>
          <w:tblHeader/>
        </w:trPr>
        <w:tc>
          <w:tcPr>
            <w:tcW w:w="9912" w:type="dxa"/>
            <w:gridSpan w:val="2"/>
            <w:shd w:val="clear" w:color="auto" w:fill="FBD4B4" w:themeFill="accent6" w:themeFillTint="66"/>
            <w:vAlign w:val="center"/>
          </w:tcPr>
          <w:p w14:paraId="37F69293" w14:textId="77777777" w:rsidR="00604405" w:rsidRPr="00A0183E" w:rsidRDefault="00604405" w:rsidP="00F00833">
            <w:pPr>
              <w:spacing w:after="0"/>
              <w:rPr>
                <w:rFonts w:ascii="Arial" w:hAnsi="Arial" w:cs="Arial"/>
                <w:b/>
                <w:bCs/>
                <w:sz w:val="24"/>
                <w:szCs w:val="24"/>
              </w:rPr>
            </w:pPr>
            <w:r w:rsidRPr="00A0183E">
              <w:rPr>
                <w:rFonts w:ascii="Arial" w:hAnsi="Arial" w:cs="Arial"/>
                <w:b/>
                <w:bCs/>
                <w:sz w:val="24"/>
                <w:szCs w:val="24"/>
              </w:rPr>
              <w:t>Allgemeines Symptom-/Problemmanagement</w:t>
            </w:r>
          </w:p>
          <w:p w14:paraId="0961F2F6" w14:textId="77777777" w:rsidR="00F01DF4" w:rsidRPr="00A0183E" w:rsidRDefault="001E7AB1" w:rsidP="001E7AB1">
            <w:pPr>
              <w:spacing w:after="0"/>
              <w:rPr>
                <w:rFonts w:ascii="Arial" w:hAnsi="Arial" w:cs="Arial"/>
                <w:sz w:val="24"/>
                <w:szCs w:val="24"/>
              </w:rPr>
            </w:pPr>
            <w:r>
              <w:rPr>
                <w:rFonts w:ascii="Arial" w:hAnsi="Arial" w:cs="Arial"/>
                <w:b/>
                <w:bCs/>
                <w:sz w:val="24"/>
                <w:szCs w:val="24"/>
              </w:rPr>
              <w:t xml:space="preserve">Medikamentöse und </w:t>
            </w:r>
            <w:r w:rsidR="00604405" w:rsidRPr="00A0183E">
              <w:rPr>
                <w:rFonts w:ascii="Arial" w:hAnsi="Arial" w:cs="Arial"/>
                <w:b/>
                <w:bCs/>
                <w:sz w:val="24"/>
                <w:szCs w:val="24"/>
              </w:rPr>
              <w:t>nicht-medikamentöse Massnahmen,</w:t>
            </w:r>
            <w:r>
              <w:rPr>
                <w:rFonts w:ascii="Arial" w:hAnsi="Arial" w:cs="Arial"/>
                <w:b/>
                <w:bCs/>
                <w:sz w:val="24"/>
                <w:szCs w:val="24"/>
              </w:rPr>
              <w:t xml:space="preserve"> inkl.</w:t>
            </w:r>
            <w:r w:rsidR="00604405" w:rsidRPr="00A0183E">
              <w:rPr>
                <w:rFonts w:ascii="Arial" w:hAnsi="Arial" w:cs="Arial"/>
                <w:b/>
                <w:bCs/>
                <w:sz w:val="24"/>
                <w:szCs w:val="24"/>
              </w:rPr>
              <w:t xml:space="preserve"> Steigerungsstufen</w:t>
            </w:r>
          </w:p>
        </w:tc>
      </w:tr>
      <w:tr w:rsidR="00A0183E" w:rsidRPr="00DA0828" w14:paraId="4A14B136" w14:textId="77777777" w:rsidTr="00A0183E">
        <w:trPr>
          <w:trHeight w:val="336"/>
        </w:trPr>
        <w:tc>
          <w:tcPr>
            <w:tcW w:w="9912" w:type="dxa"/>
            <w:gridSpan w:val="2"/>
            <w:vMerge w:val="restart"/>
            <w:shd w:val="clear" w:color="auto" w:fill="FDE9D9" w:themeFill="accent6" w:themeFillTint="33"/>
            <w:vAlign w:val="center"/>
          </w:tcPr>
          <w:p w14:paraId="15F9A14B" w14:textId="77777777" w:rsidR="00A0183E" w:rsidRPr="00DA0828" w:rsidRDefault="00A0183E" w:rsidP="004F3116">
            <w:pPr>
              <w:tabs>
                <w:tab w:val="left" w:pos="3292"/>
                <w:tab w:val="left" w:pos="5702"/>
                <w:tab w:val="left" w:pos="7980"/>
              </w:tabs>
              <w:spacing w:after="12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Ärztliche Verordnung</w:t>
            </w:r>
          </w:p>
          <w:p w14:paraId="24AD88B3" w14:textId="0D587243" w:rsidR="00A0183E" w:rsidRPr="00DA0828" w:rsidRDefault="00A0183E" w:rsidP="004F3116">
            <w:pPr>
              <w:tabs>
                <w:tab w:val="left" w:pos="3292"/>
                <w:tab w:val="left" w:pos="5702"/>
                <w:tab w:val="left" w:pos="7980"/>
              </w:tabs>
              <w:spacing w:after="6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20"/>
                <w:szCs w:val="20"/>
              </w:rPr>
            </w:r>
            <w:r w:rsidR="0031321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>, siehe separater Mediplan / Verordnung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6869AB">
              <w:rPr>
                <w:sz w:val="16"/>
                <w:szCs w:val="16"/>
              </w:rPr>
              <w:t>(keine Unterschrift nötig)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14:paraId="3061F553" w14:textId="26C2127B" w:rsidR="00A0183E" w:rsidRPr="00DA0828" w:rsidRDefault="00A0183E" w:rsidP="004F3116">
            <w:pPr>
              <w:pStyle w:val="Default"/>
              <w:spacing w:after="60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Nein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20"/>
                <w:szCs w:val="20"/>
              </w:rPr>
            </w:r>
            <w:r w:rsidR="0031321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>, dann Unterschrift Arzt/Ärztin.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Name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                                              Datum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90D30C4" w14:textId="150EA671" w:rsidR="00A0183E" w:rsidRPr="00DA0828" w:rsidRDefault="00A0183E" w:rsidP="004F3116">
            <w:pPr>
              <w:pStyle w:val="Default"/>
              <w:spacing w:after="60"/>
              <w:ind w:left="3289" w:hanging="3289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                                                             Unterschrift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ab/>
            </w:r>
          </w:p>
        </w:tc>
      </w:tr>
      <w:tr w:rsidR="00A0183E" w:rsidRPr="00DA0828" w14:paraId="0B0A7B99" w14:textId="77777777" w:rsidTr="00A0183E">
        <w:trPr>
          <w:trHeight w:val="285"/>
        </w:trPr>
        <w:tc>
          <w:tcPr>
            <w:tcW w:w="9912" w:type="dxa"/>
            <w:gridSpan w:val="2"/>
            <w:vMerge/>
            <w:shd w:val="clear" w:color="auto" w:fill="FDE9D9" w:themeFill="accent6" w:themeFillTint="33"/>
            <w:vAlign w:val="center"/>
          </w:tcPr>
          <w:p w14:paraId="16DF2E93" w14:textId="77777777" w:rsidR="00A0183E" w:rsidRPr="00DA0828" w:rsidRDefault="00A0183E" w:rsidP="004F3116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F01DF4" w:rsidRPr="00DA0828" w14:paraId="22A504FE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2C3446EB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Schmerzen</w:t>
            </w:r>
          </w:p>
        </w:tc>
        <w:bookmarkStart w:id="5" w:name="Text10"/>
        <w:tc>
          <w:tcPr>
            <w:tcW w:w="7371" w:type="dxa"/>
            <w:shd w:val="clear" w:color="auto" w:fill="FDE9D9" w:themeFill="accent6" w:themeFillTint="33"/>
          </w:tcPr>
          <w:p w14:paraId="6C9170E5" w14:textId="103E22DA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  <w:bookmarkEnd w:id="5"/>
          </w:p>
        </w:tc>
      </w:tr>
      <w:tr w:rsidR="00F01DF4" w:rsidRPr="00DA0828" w14:paraId="5B519E32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2FBD4B3B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Atemnot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Übermässige Sekretproduktio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BFBF0CD" w14:textId="20582FEA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0D5856E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652EC711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rnährung/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br/>
              <w:t xml:space="preserve">Flüssigkeitszufuhr 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4E97CE63" w14:textId="288F0786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7B2E379B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A6CA228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Obstipation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Durchfall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495A02B" w14:textId="00DD4C45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2087855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37183909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Übelkeit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rbreche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3750CE56" w14:textId="22B61EB4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13557F1D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9FD2C79" w14:textId="77777777" w:rsidR="00F01DF4" w:rsidRPr="00DA0828" w:rsidRDefault="00F01DF4" w:rsidP="00DA0828">
            <w:pPr>
              <w:spacing w:after="6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Neurologische Probleme</w:t>
            </w:r>
            <w:r w:rsid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(Epilepsie, Hirndruck, Dystonie, Spastizität)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509FDE65" w14:textId="75E0E22F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2023AAA0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54AB9394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51FA3DD9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Unruhe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Angst/ Depressio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8237E29" w14:textId="1D308955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2A16E42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554986CE" w14:textId="77777777" w:rsidR="00F01DF4" w:rsidRPr="00DA0828" w:rsidRDefault="00F01DF4" w:rsidP="00B11864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Infektionen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>/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Fieber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0C57836" w14:textId="34B6AD83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22AAD578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760FAE1F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Blutung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5297BFED" w14:textId="19E8CD71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7BC57D9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ECC256D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Urinausscheidung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48C48F5A" w14:textId="058E7628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04288A02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4F82E5BD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Schlaf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Fatigue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6BB46F8E" w14:textId="4D5BB5F5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BE44E04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2243261A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Hautveränderunge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5196FD7" w14:textId="5261D1F6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0ABE6649" w14:textId="77777777" w:rsidTr="00A0183E">
        <w:tc>
          <w:tcPr>
            <w:tcW w:w="2541" w:type="dxa"/>
            <w:tcBorders>
              <w:bottom w:val="single" w:sz="4" w:space="0" w:color="auto"/>
            </w:tcBorders>
            <w:shd w:val="clear" w:color="auto" w:fill="FDE9D9" w:themeFill="accent6" w:themeFillTint="33"/>
          </w:tcPr>
          <w:p w14:paraId="4091D129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Juckreiz</w:t>
            </w:r>
          </w:p>
        </w:tc>
        <w:tc>
          <w:tcPr>
            <w:tcW w:w="7371" w:type="dxa"/>
            <w:tcBorders>
              <w:bottom w:val="single" w:sz="4" w:space="0" w:color="auto"/>
            </w:tcBorders>
            <w:shd w:val="clear" w:color="auto" w:fill="FDE9D9" w:themeFill="accent6" w:themeFillTint="33"/>
          </w:tcPr>
          <w:p w14:paraId="3511E657" w14:textId="3409242D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4211D49D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4566A75B" w14:textId="4D224609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E2F27AD" w14:textId="243CCB82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19BEE55E" w14:textId="77777777" w:rsidTr="00A0183E">
        <w:tc>
          <w:tcPr>
            <w:tcW w:w="25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411670CA" w14:textId="08CAF29B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</w:p>
        </w:tc>
        <w:tc>
          <w:tcPr>
            <w:tcW w:w="73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14F1C27D" w14:textId="1933CB7E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78EF6680" w14:textId="77777777" w:rsidTr="00A0183E">
        <w:tc>
          <w:tcPr>
            <w:tcW w:w="25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4B720437" w14:textId="229B5CE3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</w:p>
        </w:tc>
        <w:tc>
          <w:tcPr>
            <w:tcW w:w="73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70188D3E" w14:textId="711779BB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</w:tbl>
    <w:p w14:paraId="133C3AC2" w14:textId="77777777" w:rsidR="0084020E" w:rsidRPr="00DA0828" w:rsidRDefault="0084020E" w:rsidP="0084020E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DA0828">
        <w:rPr>
          <w:rFonts w:ascii="Arial" w:hAnsi="Arial" w:cs="Arial"/>
          <w:sz w:val="20"/>
          <w:szCs w:val="20"/>
        </w:rPr>
        <w:br w:type="page"/>
      </w:r>
    </w:p>
    <w:p w14:paraId="08A6DA81" w14:textId="77777777" w:rsidR="00851E17" w:rsidRPr="00DA0828" w:rsidRDefault="00851E17" w:rsidP="00967EBE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W w:w="1000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830"/>
        <w:gridCol w:w="1701"/>
        <w:gridCol w:w="1843"/>
        <w:gridCol w:w="1837"/>
        <w:gridCol w:w="992"/>
        <w:gridCol w:w="801"/>
      </w:tblGrid>
      <w:tr w:rsidR="00915B8A" w:rsidRPr="001E7AB1" w14:paraId="56A94FBC" w14:textId="77777777" w:rsidTr="00915B8A">
        <w:trPr>
          <w:trHeight w:val="397"/>
          <w:tblHeader/>
        </w:trPr>
        <w:tc>
          <w:tcPr>
            <w:tcW w:w="10004" w:type="dxa"/>
            <w:gridSpan w:val="6"/>
            <w:shd w:val="clear" w:color="auto" w:fill="B6DDE8" w:themeFill="accent5" w:themeFillTint="66"/>
          </w:tcPr>
          <w:p w14:paraId="041938EB" w14:textId="77777777" w:rsidR="00915B8A" w:rsidRPr="001E7AB1" w:rsidRDefault="00915B8A" w:rsidP="0071182F">
            <w:pPr>
              <w:spacing w:after="0" w:line="240" w:lineRule="auto"/>
              <w:rPr>
                <w:rFonts w:ascii="Arial" w:hAnsi="Arial" w:cs="Arial"/>
                <w:b/>
                <w:sz w:val="24"/>
                <w:szCs w:val="24"/>
              </w:rPr>
            </w:pPr>
            <w:r w:rsidRPr="001E7AB1">
              <w:rPr>
                <w:rFonts w:ascii="Arial" w:hAnsi="Arial" w:cs="Arial"/>
                <w:b/>
                <w:sz w:val="24"/>
                <w:szCs w:val="24"/>
              </w:rPr>
              <w:t>Netzwerk (Kontakte)</w:t>
            </w:r>
          </w:p>
        </w:tc>
      </w:tr>
      <w:tr w:rsidR="00DA0828" w:rsidRPr="00FD3367" w14:paraId="69353DDE" w14:textId="77777777" w:rsidTr="00FD3367">
        <w:trPr>
          <w:trHeight w:val="397"/>
          <w:tblHeader/>
        </w:trPr>
        <w:tc>
          <w:tcPr>
            <w:tcW w:w="2830" w:type="dxa"/>
            <w:shd w:val="clear" w:color="auto" w:fill="DAEEF3" w:themeFill="accent5" w:themeFillTint="33"/>
          </w:tcPr>
          <w:p w14:paraId="3864BA43" w14:textId="7D15C962" w:rsidR="00CA1BD2" w:rsidRPr="0090673F" w:rsidRDefault="00CA1BD2" w:rsidP="005B09E5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sz w:val="18"/>
                <w:szCs w:val="18"/>
              </w:rPr>
              <w:br w:type="page"/>
            </w:r>
            <w:r w:rsidRPr="0090673F">
              <w:rPr>
                <w:rFonts w:ascii="Arial" w:hAnsi="Arial" w:cs="Arial"/>
                <w:sz w:val="18"/>
                <w:szCs w:val="18"/>
              </w:rPr>
              <w:br w:type="page"/>
            </w:r>
            <w:r w:rsidRPr="0090673F">
              <w:rPr>
                <w:rFonts w:ascii="Arial" w:hAnsi="Arial" w:cs="Arial"/>
                <w:b/>
                <w:sz w:val="18"/>
                <w:szCs w:val="18"/>
              </w:rPr>
              <w:t>Betreuungsteam/</w:t>
            </w:r>
            <w:r w:rsidR="0090673F">
              <w:rPr>
                <w:rFonts w:ascii="Arial" w:hAnsi="Arial" w:cs="Arial"/>
                <w:b/>
                <w:sz w:val="18"/>
                <w:szCs w:val="18"/>
              </w:rPr>
              <w:t xml:space="preserve"> Adressen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0B4A6373" w14:textId="77777777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Zuständig für</w:t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FD5F4B7" w14:textId="77777777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Erreichbarkeit</w:t>
            </w:r>
          </w:p>
          <w:p w14:paraId="0E19E454" w14:textId="54889F94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</w:p>
        </w:tc>
        <w:tc>
          <w:tcPr>
            <w:tcW w:w="1837" w:type="dxa"/>
            <w:shd w:val="clear" w:color="auto" w:fill="DAEEF3" w:themeFill="accent5" w:themeFillTint="33"/>
          </w:tcPr>
          <w:p w14:paraId="125927CF" w14:textId="77777777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Telefonnummer</w:t>
            </w:r>
          </w:p>
          <w:p w14:paraId="0158FA02" w14:textId="77777777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Mail-Adresse</w:t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4D7BCEFB" w14:textId="3DC5C5D6" w:rsidR="00551A15" w:rsidRPr="0090673F" w:rsidRDefault="00DA0828" w:rsidP="00FD3367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 xml:space="preserve">Info </w:t>
            </w:r>
            <w:r w:rsidR="0090673F">
              <w:rPr>
                <w:rFonts w:ascii="Arial" w:hAnsi="Arial" w:cs="Arial"/>
                <w:b/>
                <w:sz w:val="18"/>
                <w:szCs w:val="18"/>
              </w:rPr>
              <w:t>NF/ RT/EFB*</w:t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21C04C20" w14:textId="77777777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Kopie</w:t>
            </w:r>
          </w:p>
        </w:tc>
      </w:tr>
      <w:tr w:rsidR="00DA0828" w:rsidRPr="00DA0828" w14:paraId="21B9590C" w14:textId="77777777" w:rsidTr="00FD3367">
        <w:trPr>
          <w:trHeight w:val="407"/>
        </w:trPr>
        <w:tc>
          <w:tcPr>
            <w:tcW w:w="2830" w:type="dxa"/>
            <w:shd w:val="clear" w:color="auto" w:fill="DAEEF3" w:themeFill="accent5" w:themeFillTint="33"/>
          </w:tcPr>
          <w:p w14:paraId="3A934A1C" w14:textId="7777777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Fallführung: </w:t>
            </w:r>
          </w:p>
          <w:p w14:paraId="3F8EF38E" w14:textId="76D3FD21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6A227130" w14:textId="2D1B88D3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465D4023" w14:textId="4A0EB41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027268AB" w14:textId="2ABC7D0D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7A261573" w14:textId="394EE49A" w:rsidR="00CA1BD2" w:rsidRPr="00DA0828" w:rsidRDefault="00551A15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2211D8DD" w14:textId="222A360B" w:rsidR="00CA1BD2" w:rsidRPr="00DA0828" w:rsidRDefault="00CA1BD2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25A3AEB1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5E99F521" w14:textId="7777777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Kinderarzt</w:t>
            </w:r>
            <w:r w:rsidR="00B11864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/-ärzti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:</w:t>
            </w:r>
          </w:p>
          <w:p w14:paraId="535DCFAC" w14:textId="15D90320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 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50F4EDC6" w14:textId="24871921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5F529B2C" w14:textId="2361C3D3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7F17C371" w14:textId="02D3C8DA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4DB1CBCC" w14:textId="5A734D43" w:rsidR="00CA1BD2" w:rsidRPr="00DA0828" w:rsidRDefault="00551A15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38E433CA" w14:textId="712F6D46" w:rsidR="00CA1BD2" w:rsidRPr="00DA0828" w:rsidRDefault="00CA1BD2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2008D581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13717BC5" w14:textId="1D4648FD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Spezialist</w:t>
            </w:r>
            <w:r w:rsidR="0090673F">
              <w:rPr>
                <w:rFonts w:ascii="Arial" w:hAnsi="Arial" w:cs="Arial"/>
                <w:b/>
                <w:noProof/>
                <w:sz w:val="16"/>
                <w:szCs w:val="16"/>
              </w:rPr>
              <w:t>I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/</w:t>
            </w:r>
            <w:r w:rsidR="00B11864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Facharzt</w:t>
            </w:r>
            <w:r w:rsidR="00B11864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/-ärztin</w:t>
            </w:r>
            <w:r w:rsidR="00551A15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:</w:t>
            </w:r>
          </w:p>
          <w:p w14:paraId="03A5E247" w14:textId="7F01E320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0DE669A1" w14:textId="0CD507D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5B6F02EE" w14:textId="39031572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4CD03C34" w14:textId="1BBBBB05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6BA26543" w14:textId="23A659F6" w:rsidR="00CA1BD2" w:rsidRPr="00DA0828" w:rsidRDefault="00551A15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5013BB64" w14:textId="11688163" w:rsidR="00CA1BD2" w:rsidRPr="00DA0828" w:rsidRDefault="00CA1BD2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3B95BC46" w14:textId="77777777" w:rsidTr="00FD3367">
        <w:trPr>
          <w:trHeight w:val="658"/>
        </w:trPr>
        <w:tc>
          <w:tcPr>
            <w:tcW w:w="2830" w:type="dxa"/>
            <w:shd w:val="clear" w:color="auto" w:fill="DAEEF3" w:themeFill="accent5" w:themeFillTint="33"/>
          </w:tcPr>
          <w:p w14:paraId="0DF3781A" w14:textId="77777777" w:rsidR="00551A15" w:rsidRPr="00DA0828" w:rsidRDefault="002C3646" w:rsidP="00551A1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Spezialist</w:t>
            </w:r>
            <w:r w:rsidR="00E24145">
              <w:rPr>
                <w:rFonts w:ascii="Arial" w:hAnsi="Arial" w:cs="Arial"/>
                <w:b/>
                <w:noProof/>
                <w:sz w:val="16"/>
                <w:szCs w:val="16"/>
              </w:rPr>
              <w:t>Inne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IMPACT</w:t>
            </w:r>
            <w:r w:rsidR="00E24145">
              <w:rPr>
                <w:rFonts w:ascii="Arial" w:hAnsi="Arial" w:cs="Arial"/>
                <w:b/>
                <w:noProof/>
                <w:sz w:val="16"/>
                <w:szCs w:val="16"/>
              </w:rPr>
              <w:t>/PPC</w:t>
            </w:r>
            <w:r w:rsidR="00551A15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:</w:t>
            </w:r>
          </w:p>
          <w:p w14:paraId="505346CD" w14:textId="550E2B8F" w:rsidR="00E24145" w:rsidRPr="00E24145" w:rsidRDefault="00E24145" w:rsidP="00E24145">
            <w:pPr>
              <w:spacing w:after="6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t>Ärztlich: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25CFF9A5" w14:textId="637FDD17" w:rsidR="00551A15" w:rsidRPr="00DA0828" w:rsidRDefault="00E24145" w:rsidP="00E2414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t xml:space="preserve">Pflegerisch: 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36A8FA3F" w14:textId="77777777" w:rsidR="00E24145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0B950B6C" w14:textId="48675C33" w:rsidR="00551A15" w:rsidRDefault="0023789F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6FE3DB1D" w14:textId="49DDB81A" w:rsidR="00E24145" w:rsidRPr="00DA0828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1359E02C" w14:textId="77777777" w:rsidR="00E24145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79F9BC8A" w14:textId="66042B37" w:rsidR="00551A15" w:rsidRDefault="0023789F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7CC3020D" w14:textId="5597C436" w:rsidR="00E24145" w:rsidRPr="00DA0828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603299BE" w14:textId="77777777" w:rsidR="00E24145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1040F2F5" w14:textId="08A1F396" w:rsidR="00551A15" w:rsidRDefault="0023789F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26B547D2" w14:textId="540B01B4" w:rsidR="00E24145" w:rsidRPr="00DA0828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1390FA37" w14:textId="77777777" w:rsidR="00E24145" w:rsidRDefault="00E24145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14:paraId="3BDBC8ED" w14:textId="1BE9ECC9" w:rsidR="00551A15" w:rsidRDefault="0023789F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  <w:p w14:paraId="79B807BB" w14:textId="08EE16B9" w:rsidR="00E24145" w:rsidRPr="00DA0828" w:rsidRDefault="00E24145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240D96C2" w14:textId="77777777" w:rsidR="00E24145" w:rsidRDefault="00E24145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14:paraId="385D53D7" w14:textId="2CE6036B" w:rsidR="00E24145" w:rsidRDefault="0023789F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  <w:p w14:paraId="6F661DE5" w14:textId="0AFED86F" w:rsidR="00551A15" w:rsidRPr="00E24145" w:rsidRDefault="00E24145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431DAF33" w14:textId="77777777" w:rsidTr="00FD3367">
        <w:trPr>
          <w:trHeight w:val="588"/>
        </w:trPr>
        <w:tc>
          <w:tcPr>
            <w:tcW w:w="2830" w:type="dxa"/>
            <w:shd w:val="clear" w:color="auto" w:fill="DAEEF3" w:themeFill="accent5" w:themeFillTint="33"/>
          </w:tcPr>
          <w:p w14:paraId="7A649A6D" w14:textId="7777777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Bezugspflegende </w:t>
            </w:r>
            <w:r w:rsidR="00E24145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/ 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Pflegeberatung: </w:t>
            </w:r>
          </w:p>
          <w:p w14:paraId="00852F01" w14:textId="40B2916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068DFF4" w14:textId="77827300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22645C06" w14:textId="4AF92C0D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7F2B22FC" w14:textId="4C008A6B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4EA2D13" w14:textId="3D0719E8" w:rsidR="00CA1BD2" w:rsidRPr="00DA0828" w:rsidRDefault="00551A15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16CFF604" w14:textId="5B4404A8" w:rsidR="00CA1BD2" w:rsidRPr="00DA0828" w:rsidRDefault="00CA1BD2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459FA879" w14:textId="77777777" w:rsidTr="00FD3367">
        <w:trPr>
          <w:trHeight w:val="580"/>
        </w:trPr>
        <w:tc>
          <w:tcPr>
            <w:tcW w:w="2830" w:type="dxa"/>
            <w:shd w:val="clear" w:color="auto" w:fill="DAEEF3" w:themeFill="accent5" w:themeFillTint="33"/>
          </w:tcPr>
          <w:p w14:paraId="64D716C2" w14:textId="7777777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Kinderspitex, zuständige Einsatzleitung: </w:t>
            </w:r>
          </w:p>
          <w:p w14:paraId="2A910B83" w14:textId="4912CE2C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9735DCF" w14:textId="4A18419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79E29108" w14:textId="4CF5B2F1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03E2E103" w14:textId="615DB9ED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1DEE25E" w14:textId="7B8AA8A9" w:rsidR="00CA1BD2" w:rsidRPr="00DA0828" w:rsidRDefault="00551A15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4E9F056B" w14:textId="5ADDF5A4" w:rsidR="00CA1BD2" w:rsidRPr="00DA0828" w:rsidRDefault="00CA1BD2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423562F3" w14:textId="77777777" w:rsidTr="00FD3367">
        <w:trPr>
          <w:trHeight w:val="587"/>
        </w:trPr>
        <w:tc>
          <w:tcPr>
            <w:tcW w:w="2830" w:type="dxa"/>
            <w:shd w:val="clear" w:color="auto" w:fill="DAEEF3" w:themeFill="accent5" w:themeFillTint="33"/>
          </w:tcPr>
          <w:p w14:paraId="190EF231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Kinderspitex, Bezugspflegefachperson: </w:t>
            </w:r>
          </w:p>
          <w:p w14:paraId="6D6DF92C" w14:textId="5961DD51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    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2EFCEFBE" w14:textId="7CAF4E3B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8860F16" w14:textId="32167089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09FD8847" w14:textId="5C913B05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5E61B1A1" w14:textId="0BC9B9D7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64E86346" w14:textId="5E758175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60BFF605" w14:textId="77777777" w:rsidTr="00FD3367">
        <w:trPr>
          <w:trHeight w:val="407"/>
        </w:trPr>
        <w:tc>
          <w:tcPr>
            <w:tcW w:w="2830" w:type="dxa"/>
            <w:shd w:val="clear" w:color="auto" w:fill="DAEEF3" w:themeFill="accent5" w:themeFillTint="33"/>
          </w:tcPr>
          <w:p w14:paraId="1521DB0C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Sozialberatung: </w:t>
            </w:r>
          </w:p>
          <w:p w14:paraId="4EDD1BDF" w14:textId="5F406841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38322EA" w14:textId="3CAEE473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28DF29E0" w14:textId="4A4E35A9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14563910" w14:textId="3FDAA01C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4AD7E79D" w14:textId="25CC4F7D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57DD52D7" w14:textId="197BFBA9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683F7D31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3F4DF795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PsychologIn: </w:t>
            </w:r>
          </w:p>
          <w:p w14:paraId="2D1FD9D5" w14:textId="637AB900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39F49DE4" w14:textId="171D3BD4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785A01AD" w14:textId="5451962B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2FFF3F7D" w14:textId="28B63E0A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6E3358C7" w14:textId="6BFCA405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42E1B73D" w14:textId="1FB02706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7160221A" w14:textId="77777777" w:rsidTr="00FD3367">
        <w:trPr>
          <w:trHeight w:val="588"/>
        </w:trPr>
        <w:tc>
          <w:tcPr>
            <w:tcW w:w="2830" w:type="dxa"/>
            <w:shd w:val="clear" w:color="auto" w:fill="DAEEF3" w:themeFill="accent5" w:themeFillTint="33"/>
          </w:tcPr>
          <w:p w14:paraId="66B2BF6D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Ernährungsberatung/Still-beratung: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 </w:t>
            </w:r>
          </w:p>
          <w:p w14:paraId="7266B7C0" w14:textId="540386AA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69A423F4" w14:textId="34E00790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5904345C" w14:textId="33D3EC08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11599CC5" w14:textId="3F5B9CAE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5DFE1E5" w14:textId="7BA6CA09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68E9EE19" w14:textId="7E6E5077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5F269366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1009244D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PhysiotherapeutIn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: </w:t>
            </w:r>
          </w:p>
          <w:p w14:paraId="49C26454" w14:textId="047499A8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418FD9DC" w14:textId="53CEC073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46A5A39D" w14:textId="1C36AC3B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5B829DF1" w14:textId="7CE6649F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CF21392" w14:textId="6BA1E76A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2DE5ACE5" w14:textId="1FD03CF8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0A3F102B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65F19176" w14:textId="31C954F0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Andere Therapeut</w:t>
            </w:r>
            <w:r w:rsidR="0090673F">
              <w:rPr>
                <w:rFonts w:ascii="Arial" w:hAnsi="Arial" w:cs="Arial"/>
                <w:b/>
                <w:noProof/>
                <w:sz w:val="16"/>
                <w:szCs w:val="16"/>
              </w:rPr>
              <w:t>In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en: </w:t>
            </w:r>
          </w:p>
          <w:p w14:paraId="7F663ACC" w14:textId="3523EEE4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0FEAA9A3" w14:textId="453800E4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87A79B4" w14:textId="27B3BB52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4D9BBDAA" w14:textId="0C8C4B5E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6AC80357" w14:textId="5FD02114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1634FF9E" w14:textId="4CE66EEF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1F546B25" w14:textId="77777777" w:rsidTr="00FD3367">
        <w:trPr>
          <w:trHeight w:val="393"/>
        </w:trPr>
        <w:tc>
          <w:tcPr>
            <w:tcW w:w="2830" w:type="dxa"/>
            <w:shd w:val="clear" w:color="auto" w:fill="DAEEF3" w:themeFill="accent5" w:themeFillTint="33"/>
          </w:tcPr>
          <w:p w14:paraId="305BE4D7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Seelsorge: </w:t>
            </w:r>
          </w:p>
          <w:p w14:paraId="5066CDD1" w14:textId="515E06BC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2F2B03B" w14:textId="57ECEB13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035F9118" w14:textId="0D4226E3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044DE80A" w14:textId="0373BEAD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BCB8274" w14:textId="4A76E5CC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0958662C" w14:textId="03B459EE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273C6FED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049F3706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Apotheke/Homecare: </w:t>
            </w:r>
          </w:p>
          <w:p w14:paraId="6B0E86B7" w14:textId="1D4CE3BE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27531AC2" w14:textId="3AA013FF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A365D1E" w14:textId="726EA440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529F1D2B" w14:textId="2EC16922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D2EC939" w14:textId="1E69982A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46EA57F0" w14:textId="032561FA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4D0DFDF7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549E937D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Freiwillige:</w:t>
            </w:r>
          </w:p>
          <w:p w14:paraId="628D0BAF" w14:textId="6FDD3BE1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 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58061A48" w14:textId="155142DC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7D2B1099" w14:textId="3C091B4D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7828B29E" w14:textId="14CBF059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4C594D1C" w14:textId="60CB2607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18F012CD" w14:textId="5858B18B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2BD431C5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2CD4CF1D" w14:textId="45212D8D" w:rsidR="00665288" w:rsidRPr="00DA0828" w:rsidRDefault="00B11864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="00665288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: </w:t>
            </w:r>
          </w:p>
          <w:p w14:paraId="7B1A51F7" w14:textId="5C27E1E0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3BC7670B" w14:textId="0E626810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6BC8E3A4" w14:textId="39F652CB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14D1F1D5" w14:textId="7262AFA4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5537378B" w14:textId="5D9C625C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425AAE0E" w14:textId="7E1E16B6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2937659F" w14:textId="77777777" w:rsidTr="00FD3367">
        <w:trPr>
          <w:trHeight w:val="308"/>
        </w:trPr>
        <w:tc>
          <w:tcPr>
            <w:tcW w:w="28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06860E83" w14:textId="47E151F0" w:rsidR="00665288" w:rsidRPr="00DA0828" w:rsidRDefault="00B11864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="00665288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: </w:t>
            </w:r>
          </w:p>
          <w:p w14:paraId="5FE7770D" w14:textId="715D5188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4DCF2828" w14:textId="4109A501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1F4458BB" w14:textId="24096DE8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1C0CBB61" w14:textId="1BF188A4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324500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2F7D299E" w14:textId="1649EE94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6FB260C5" w14:textId="4AA1DA6E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324500" w:rsidRPr="00DA0828">
              <w:rPr>
                <w:rFonts w:ascii="Arial" w:hAnsi="Arial" w:cs="Arial"/>
                <w:sz w:val="16"/>
                <w:szCs w:val="16"/>
              </w:rPr>
            </w:r>
            <w:r w:rsidR="0031321E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</w:tbl>
    <w:p w14:paraId="4D424892" w14:textId="77777777" w:rsidR="007666A3" w:rsidRPr="00DA0828" w:rsidRDefault="007666A3" w:rsidP="007666A3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2D0508FE" w14:textId="77777777" w:rsidR="00C057E7" w:rsidRDefault="00C057E7" w:rsidP="00B1186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13229591" w14:textId="77777777" w:rsidR="0090673F" w:rsidRDefault="0090673F" w:rsidP="0090673F">
      <w:pPr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*</w:t>
      </w:r>
      <w:r w:rsidRPr="00DA0828">
        <w:rPr>
          <w:rFonts w:ascii="Arial" w:hAnsi="Arial" w:cs="Arial"/>
          <w:sz w:val="20"/>
          <w:szCs w:val="20"/>
        </w:rPr>
        <w:t xml:space="preserve">Bei Notfällen </w:t>
      </w:r>
      <w:r>
        <w:rPr>
          <w:rFonts w:ascii="Arial" w:hAnsi="Arial" w:cs="Arial"/>
          <w:sz w:val="20"/>
          <w:szCs w:val="20"/>
        </w:rPr>
        <w:t xml:space="preserve">(bzw. Notfallhospitalisationen) oder Rundtischen bzw. ethischen Fallbesprechungen </w:t>
      </w:r>
      <w:r w:rsidRPr="00DA0828">
        <w:rPr>
          <w:rFonts w:ascii="Arial" w:hAnsi="Arial" w:cs="Arial"/>
          <w:sz w:val="20"/>
          <w:szCs w:val="20"/>
        </w:rPr>
        <w:t xml:space="preserve">werden die Betreuungspersonen in der </w:t>
      </w:r>
      <w:r>
        <w:rPr>
          <w:rFonts w:ascii="Arial" w:hAnsi="Arial" w:cs="Arial"/>
          <w:sz w:val="20"/>
          <w:szCs w:val="20"/>
        </w:rPr>
        <w:t xml:space="preserve">5. </w:t>
      </w:r>
      <w:r w:rsidRPr="00DA0828">
        <w:rPr>
          <w:rFonts w:ascii="Arial" w:hAnsi="Arial" w:cs="Arial"/>
          <w:sz w:val="20"/>
          <w:szCs w:val="20"/>
        </w:rPr>
        <w:t xml:space="preserve">Spalte </w:t>
      </w:r>
      <w:r>
        <w:rPr>
          <w:rFonts w:ascii="Arial" w:hAnsi="Arial" w:cs="Arial"/>
          <w:sz w:val="20"/>
          <w:szCs w:val="20"/>
        </w:rPr>
        <w:t>zeitnah informiert. Den (aktualisierten) Betreuungsplan und wichtige Berichte erhalten die Personen der 6. Spalte.</w:t>
      </w:r>
    </w:p>
    <w:tbl>
      <w:tblPr>
        <w:tblW w:w="1003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031"/>
      </w:tblGrid>
      <w:tr w:rsidR="00C057E7" w:rsidRPr="00DA0828" w14:paraId="14AD89D4" w14:textId="77777777" w:rsidTr="00D536CB">
        <w:trPr>
          <w:trHeight w:val="656"/>
        </w:trPr>
        <w:tc>
          <w:tcPr>
            <w:tcW w:w="10031" w:type="dxa"/>
            <w:shd w:val="clear" w:color="auto" w:fill="DAEEF3" w:themeFill="accent5" w:themeFillTint="33"/>
          </w:tcPr>
          <w:p w14:paraId="5796AE55" w14:textId="18ED9C37" w:rsidR="00C057E7" w:rsidRDefault="00C057E7" w:rsidP="00D536CB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Vorschlag Email-Verteiler für Einladung zu Rundtisch, ethische</w:t>
            </w:r>
            <w:r w:rsidR="002B0CCB">
              <w:rPr>
                <w:rFonts w:ascii="Arial" w:hAnsi="Arial" w:cs="Arial"/>
                <w:b/>
                <w:sz w:val="20"/>
                <w:szCs w:val="20"/>
              </w:rPr>
              <w:t>m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Gespräch etc.:</w:t>
            </w:r>
          </w:p>
          <w:p w14:paraId="4AAAC753" w14:textId="3CA50170" w:rsidR="00C057E7" w:rsidRPr="00DA0828" w:rsidRDefault="00C057E7" w:rsidP="00D536CB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14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24500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tab/>
            </w:r>
          </w:p>
        </w:tc>
      </w:tr>
    </w:tbl>
    <w:p w14:paraId="1044B572" w14:textId="77777777" w:rsidR="00C057E7" w:rsidRDefault="00C057E7" w:rsidP="00B1186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6EB07A0E" w14:textId="77777777" w:rsidR="00C057E7" w:rsidRDefault="00C057E7" w:rsidP="00B1186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61769B0C" w14:textId="6E8E9B5B" w:rsidR="00C057E7" w:rsidRDefault="002B0CCB" w:rsidP="002B0CCB">
      <w:pPr>
        <w:tabs>
          <w:tab w:val="left" w:pos="6107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ab/>
      </w:r>
    </w:p>
    <w:p w14:paraId="55101E33" w14:textId="06253349" w:rsidR="000C5FD9" w:rsidRPr="00DA0828" w:rsidRDefault="007666A3" w:rsidP="00B11864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DA0828">
        <w:rPr>
          <w:rFonts w:ascii="Arial" w:hAnsi="Arial" w:cs="Arial"/>
          <w:b/>
          <w:sz w:val="20"/>
          <w:szCs w:val="20"/>
        </w:rPr>
        <w:t>Anhänge:</w:t>
      </w:r>
      <w:r w:rsidRPr="00DA0828">
        <w:rPr>
          <w:rFonts w:ascii="Arial" w:hAnsi="Arial" w:cs="Arial"/>
          <w:sz w:val="20"/>
          <w:szCs w:val="20"/>
        </w:rPr>
        <w:br/>
      </w:r>
      <w:r w:rsidRPr="00DA0828">
        <w:rPr>
          <w:rFonts w:ascii="Arial" w:hAnsi="Arial" w:cs="Arial"/>
          <w:sz w:val="20"/>
          <w:szCs w:val="20"/>
        </w:rPr>
        <w:fldChar w:fldCharType="begin">
          <w:ffData>
            <w:name w:val="Text14"/>
            <w:enabled/>
            <w:calcOnExit w:val="0"/>
            <w:textInput/>
          </w:ffData>
        </w:fldChar>
      </w:r>
      <w:r w:rsidRPr="00DA0828">
        <w:rPr>
          <w:rFonts w:ascii="Arial" w:hAnsi="Arial" w:cs="Arial"/>
          <w:sz w:val="20"/>
          <w:szCs w:val="20"/>
        </w:rPr>
        <w:instrText xml:space="preserve"> FORMTEXT </w:instrText>
      </w:r>
      <w:r w:rsidRPr="00DA0828">
        <w:rPr>
          <w:rFonts w:ascii="Arial" w:hAnsi="Arial" w:cs="Arial"/>
          <w:sz w:val="20"/>
          <w:szCs w:val="20"/>
        </w:rPr>
      </w:r>
      <w:r w:rsidRPr="00DA0828">
        <w:rPr>
          <w:rFonts w:ascii="Arial" w:hAnsi="Arial" w:cs="Arial"/>
          <w:sz w:val="20"/>
          <w:szCs w:val="20"/>
        </w:rPr>
        <w:fldChar w:fldCharType="separate"/>
      </w:r>
      <w:r w:rsidR="00324500">
        <w:rPr>
          <w:rFonts w:ascii="Arial" w:hAnsi="Arial" w:cs="Arial"/>
          <w:noProof/>
          <w:sz w:val="20"/>
          <w:szCs w:val="20"/>
        </w:rPr>
        <w:t> </w:t>
      </w:r>
      <w:r w:rsidR="00324500">
        <w:rPr>
          <w:rFonts w:ascii="Arial" w:hAnsi="Arial" w:cs="Arial"/>
          <w:noProof/>
          <w:sz w:val="20"/>
          <w:szCs w:val="20"/>
        </w:rPr>
        <w:t> </w:t>
      </w:r>
      <w:r w:rsidR="00324500">
        <w:rPr>
          <w:rFonts w:ascii="Arial" w:hAnsi="Arial" w:cs="Arial"/>
          <w:noProof/>
          <w:sz w:val="20"/>
          <w:szCs w:val="20"/>
        </w:rPr>
        <w:t> </w:t>
      </w:r>
      <w:r w:rsidR="00324500">
        <w:rPr>
          <w:rFonts w:ascii="Arial" w:hAnsi="Arial" w:cs="Arial"/>
          <w:noProof/>
          <w:sz w:val="20"/>
          <w:szCs w:val="20"/>
        </w:rPr>
        <w:t> </w:t>
      </w:r>
      <w:r w:rsidR="00324500">
        <w:rPr>
          <w:rFonts w:ascii="Arial" w:hAnsi="Arial" w:cs="Arial"/>
          <w:noProof/>
          <w:sz w:val="20"/>
          <w:szCs w:val="20"/>
        </w:rPr>
        <w:t> </w:t>
      </w:r>
      <w:r w:rsidRPr="00DA0828">
        <w:rPr>
          <w:rFonts w:ascii="Arial" w:hAnsi="Arial" w:cs="Arial"/>
          <w:sz w:val="20"/>
          <w:szCs w:val="20"/>
        </w:rPr>
        <w:fldChar w:fldCharType="end"/>
      </w:r>
      <w:r w:rsidRPr="00DA0828">
        <w:rPr>
          <w:rFonts w:ascii="Arial" w:hAnsi="Arial" w:cs="Arial"/>
          <w:noProof/>
          <w:sz w:val="20"/>
          <w:szCs w:val="20"/>
        </w:rPr>
        <w:t> </w:t>
      </w:r>
      <w:r w:rsidR="00604405" w:rsidRPr="00DA0828">
        <w:rPr>
          <w:rFonts w:ascii="Arial" w:hAnsi="Arial" w:cs="Arial"/>
          <w:sz w:val="20"/>
          <w:szCs w:val="20"/>
        </w:rPr>
        <w:tab/>
      </w:r>
    </w:p>
    <w:sectPr w:rsidR="000C5FD9" w:rsidRPr="00DA0828" w:rsidSect="00604405">
      <w:headerReference w:type="default" r:id="rId17"/>
      <w:footerReference w:type="default" r:id="rId18"/>
      <w:headerReference w:type="first" r:id="rId19"/>
      <w:footerReference w:type="first" r:id="rId20"/>
      <w:pgSz w:w="11907" w:h="16839" w:code="9"/>
      <w:pgMar w:top="1247" w:right="851" w:bottom="851" w:left="1134" w:header="709" w:footer="213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8EC0934" w14:textId="77777777" w:rsidR="0031321E" w:rsidRDefault="0031321E" w:rsidP="005E2474">
      <w:pPr>
        <w:spacing w:after="0" w:line="240" w:lineRule="auto"/>
      </w:pPr>
      <w:r>
        <w:separator/>
      </w:r>
    </w:p>
  </w:endnote>
  <w:endnote w:type="continuationSeparator" w:id="0">
    <w:p w14:paraId="0A943828" w14:textId="77777777" w:rsidR="0031321E" w:rsidRDefault="0031321E" w:rsidP="005E247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E1002EFF" w:usb1="C000605B" w:usb2="00000029" w:usb3="00000000" w:csb0="000101FF" w:csb1="00000000"/>
  </w:font>
  <w:font w:name="Helvetica">
    <w:panose1 w:val="00000000000000000000"/>
    <w:charset w:val="00"/>
    <w:family w:val="auto"/>
    <w:pitch w:val="variable"/>
    <w:sig w:usb0="E00002FF" w:usb1="5000785B" w:usb2="00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C16CED1" w14:textId="77777777" w:rsidR="00D536CB" w:rsidRDefault="00D536CB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sz w:val="12"/>
        <w:szCs w:val="12"/>
      </w:rPr>
    </w:pPr>
    <w:r w:rsidRPr="00604405">
      <w:rPr>
        <w:rFonts w:ascii="Arial" w:hAnsi="Arial" w:cs="Arial"/>
        <w:b/>
        <w:noProof/>
        <w:sz w:val="12"/>
        <w:szCs w:val="12"/>
        <w:lang w:eastAsia="de-CH"/>
      </w:rPr>
      <w:drawing>
        <wp:anchor distT="0" distB="0" distL="114300" distR="114300" simplePos="0" relativeHeight="251663360" behindDoc="1" locked="0" layoutInCell="1" allowOverlap="0" wp14:anchorId="5CB4DF26" wp14:editId="21E19431">
          <wp:simplePos x="0" y="0"/>
          <wp:positionH relativeFrom="column">
            <wp:posOffset>-43815</wp:posOffset>
          </wp:positionH>
          <wp:positionV relativeFrom="paragraph">
            <wp:posOffset>-4994</wp:posOffset>
          </wp:positionV>
          <wp:extent cx="714375" cy="381000"/>
          <wp:effectExtent l="0" t="0" r="9525" b="0"/>
          <wp:wrapTight wrapText="bothSides">
            <wp:wrapPolygon edited="0">
              <wp:start x="0" y="0"/>
              <wp:lineTo x="0" y="20520"/>
              <wp:lineTo x="21312" y="20520"/>
              <wp:lineTo x="21312" y="0"/>
              <wp:lineTo x="0" y="0"/>
            </wp:wrapPolygon>
          </wp:wrapTight>
          <wp:docPr id="9" name="Bild 9" descr="Ein Bild, das Essen, Obst enthält.&#10;&#10;Automatisch generierte Beschreibu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9" name="Bild 9" descr="Ein Bild, das Essen, Obst enthält.&#10;&#10;Automatisch generierte Beschreibu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14375" cy="3810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Arial" w:hAnsi="Arial" w:cs="Arial"/>
        <w:sz w:val="12"/>
        <w:szCs w:val="12"/>
      </w:rPr>
      <w:t>B</w:t>
    </w:r>
    <w:r w:rsidRPr="0062557E">
      <w:rPr>
        <w:rFonts w:ascii="Arial" w:hAnsi="Arial" w:cs="Arial"/>
        <w:sz w:val="12"/>
        <w:szCs w:val="12"/>
      </w:rPr>
      <w:t xml:space="preserve">etreuungsplan </w:t>
    </w:r>
    <w:r>
      <w:rPr>
        <w:rFonts w:ascii="Arial" w:hAnsi="Arial" w:cs="Arial"/>
        <w:sz w:val="12"/>
        <w:szCs w:val="12"/>
      </w:rPr>
      <w:t>adaptiert mit freundlicher Genehmigung</w:t>
    </w:r>
    <w:r w:rsidRPr="0062557E">
      <w:rPr>
        <w:rFonts w:ascii="Arial" w:hAnsi="Arial" w:cs="Arial"/>
        <w:sz w:val="12"/>
        <w:szCs w:val="12"/>
      </w:rPr>
      <w:t xml:space="preserve"> von: PPCN CH</w:t>
    </w:r>
    <w:r>
      <w:rPr>
        <w:rFonts w:ascii="Arial" w:hAnsi="Arial" w:cs="Arial"/>
        <w:sz w:val="12"/>
        <w:szCs w:val="12"/>
      </w:rPr>
      <w:t xml:space="preserve"> </w:t>
    </w:r>
    <w:r w:rsidRPr="0062557E">
      <w:rPr>
        <w:rFonts w:ascii="Arial" w:hAnsi="Arial" w:cs="Arial"/>
        <w:sz w:val="12"/>
        <w:szCs w:val="12"/>
      </w:rPr>
      <w:t>www.ppcnch.jimdo.com</w:t>
    </w:r>
    <w:r>
      <w:rPr>
        <w:rFonts w:ascii="Arial" w:hAnsi="Arial" w:cs="Arial"/>
        <w:sz w:val="12"/>
        <w:szCs w:val="12"/>
      </w:rPr>
      <w:t>| Version vom 05.09.</w:t>
    </w:r>
    <w:r w:rsidRPr="0062557E">
      <w:rPr>
        <w:rFonts w:ascii="Arial" w:hAnsi="Arial" w:cs="Arial"/>
        <w:sz w:val="12"/>
        <w:szCs w:val="12"/>
      </w:rPr>
      <w:t>20</w:t>
    </w:r>
    <w:r>
      <w:rPr>
        <w:rFonts w:ascii="Arial" w:hAnsi="Arial" w:cs="Arial"/>
        <w:sz w:val="12"/>
        <w:szCs w:val="12"/>
      </w:rPr>
      <w:t>20</w:t>
    </w:r>
    <w:r w:rsidRPr="0062557E">
      <w:rPr>
        <w:rFonts w:ascii="Arial" w:hAnsi="Arial" w:cs="Arial"/>
        <w:sz w:val="12"/>
        <w:szCs w:val="12"/>
      </w:rPr>
      <w:t xml:space="preserve"> | </w:t>
    </w:r>
  </w:p>
  <w:p w14:paraId="2208F5DA" w14:textId="77777777" w:rsidR="00D536CB" w:rsidRDefault="00D536CB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  <w:r w:rsidRPr="006B609F">
      <w:rPr>
        <w:rFonts w:ascii="Arial" w:hAnsi="Arial" w:cs="Arial"/>
        <w:i/>
        <w:iCs/>
        <w:sz w:val="12"/>
        <w:szCs w:val="12"/>
      </w:rPr>
      <w:t>HINWEIS</w:t>
    </w:r>
    <w:r>
      <w:rPr>
        <w:rFonts w:ascii="Arial" w:hAnsi="Arial" w:cs="Arial"/>
        <w:i/>
        <w:iCs/>
        <w:sz w:val="12"/>
        <w:szCs w:val="12"/>
      </w:rPr>
      <w:t>E</w:t>
    </w:r>
    <w:r w:rsidRPr="006B609F">
      <w:rPr>
        <w:rFonts w:ascii="Arial" w:hAnsi="Arial" w:cs="Arial"/>
        <w:i/>
        <w:iCs/>
        <w:sz w:val="12"/>
        <w:szCs w:val="12"/>
      </w:rPr>
      <w:t xml:space="preserve">: Zur Aktualisierung von Name/Vorname/Geburtsdatum in Kopfzeile im Word «Drucken...» auswählen &amp; abbrechen. </w:t>
    </w:r>
  </w:p>
  <w:p w14:paraId="4CCC8270" w14:textId="77777777" w:rsidR="00D536CB" w:rsidRPr="006B609F" w:rsidRDefault="00D536CB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6"/>
        <w:szCs w:val="16"/>
      </w:rPr>
    </w:pPr>
    <w:r w:rsidRPr="006B609F">
      <w:rPr>
        <w:rFonts w:ascii="Arial" w:hAnsi="Arial" w:cs="Arial"/>
        <w:i/>
        <w:iCs/>
        <w:sz w:val="12"/>
        <w:szCs w:val="12"/>
      </w:rPr>
      <w:t xml:space="preserve">Zum </w:t>
    </w:r>
    <w:r>
      <w:rPr>
        <w:rFonts w:ascii="Arial" w:hAnsi="Arial" w:cs="Arial"/>
        <w:i/>
        <w:iCs/>
        <w:sz w:val="12"/>
        <w:szCs w:val="12"/>
      </w:rPr>
      <w:t xml:space="preserve">einfacheren Bearbeiten des Planes </w:t>
    </w:r>
    <w:r w:rsidRPr="006B609F">
      <w:rPr>
        <w:rFonts w:ascii="Arial" w:hAnsi="Arial" w:cs="Arial"/>
        <w:i/>
        <w:iCs/>
        <w:sz w:val="12"/>
        <w:szCs w:val="12"/>
      </w:rPr>
      <w:t>Schreibschutz entfernen</w:t>
    </w:r>
    <w:r>
      <w:rPr>
        <w:rFonts w:ascii="Arial" w:hAnsi="Arial" w:cs="Arial"/>
        <w:i/>
        <w:iCs/>
        <w:sz w:val="12"/>
        <w:szCs w:val="12"/>
      </w:rPr>
      <w:t xml:space="preserve"> (Mac: Menu Extras-&gt;Dokument schützen), danach Schreibschutz</w:t>
    </w:r>
    <w:r w:rsidRPr="002B0CCB">
      <w:rPr>
        <w:rFonts w:ascii="Arial" w:hAnsi="Arial" w:cs="Arial"/>
        <w:i/>
        <w:iCs/>
        <w:sz w:val="12"/>
        <w:szCs w:val="12"/>
        <w:u w:val="single"/>
      </w:rPr>
      <w:t xml:space="preserve"> nicht</w:t>
    </w:r>
    <w:r>
      <w:rPr>
        <w:rFonts w:ascii="Arial" w:hAnsi="Arial" w:cs="Arial"/>
        <w:i/>
        <w:iCs/>
        <w:sz w:val="12"/>
        <w:szCs w:val="12"/>
      </w:rPr>
      <w:t xml:space="preserve"> mehr aktivieren.</w:t>
    </w:r>
  </w:p>
  <w:p w14:paraId="347F2673" w14:textId="77777777" w:rsidR="00D536CB" w:rsidRDefault="0031321E" w:rsidP="002E1AAC">
    <w:pPr>
      <w:pStyle w:val="Kopfzeile"/>
      <w:tabs>
        <w:tab w:val="left" w:pos="1276"/>
        <w:tab w:val="left" w:pos="3544"/>
        <w:tab w:val="left" w:pos="5103"/>
      </w:tabs>
      <w:spacing w:after="0" w:line="240" w:lineRule="auto"/>
      <w:ind w:left="-142" w:firstLine="142"/>
      <w:jc w:val="right"/>
    </w:pPr>
    <w:sdt>
      <w:sdtPr>
        <w:id w:val="277603006"/>
        <w:docPartObj>
          <w:docPartGallery w:val="Page Numbers (Top of Page)"/>
          <w:docPartUnique/>
        </w:docPartObj>
      </w:sdtPr>
      <w:sdtEndPr/>
      <w:sdtContent>
        <w:r w:rsidR="00D536CB" w:rsidRPr="00B17F28">
          <w:rPr>
            <w:rFonts w:ascii="Arial" w:hAnsi="Arial" w:cs="Arial"/>
            <w:sz w:val="16"/>
            <w:szCs w:val="16"/>
            <w:lang w:val="de-DE"/>
          </w:rPr>
          <w:t xml:space="preserve">Seite </w: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begin"/>
        </w:r>
        <w:r w:rsidR="00D536CB" w:rsidRPr="00B17F28">
          <w:rPr>
            <w:rFonts w:ascii="Arial" w:hAnsi="Arial" w:cs="Arial"/>
            <w:bCs/>
            <w:sz w:val="16"/>
            <w:szCs w:val="16"/>
          </w:rPr>
          <w:instrText>PAGE</w:instrTex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separate"/>
        </w:r>
        <w:r w:rsidR="00D536CB">
          <w:rPr>
            <w:rFonts w:ascii="Arial" w:hAnsi="Arial" w:cs="Arial"/>
            <w:bCs/>
            <w:noProof/>
            <w:sz w:val="16"/>
            <w:szCs w:val="16"/>
          </w:rPr>
          <w:t>2</w: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end"/>
        </w:r>
        <w:r w:rsidR="00D536CB" w:rsidRPr="00B17F28">
          <w:rPr>
            <w:rFonts w:ascii="Arial" w:hAnsi="Arial" w:cs="Arial"/>
            <w:sz w:val="16"/>
            <w:szCs w:val="16"/>
            <w:lang w:val="de-DE"/>
          </w:rPr>
          <w:t>/</w: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begin"/>
        </w:r>
        <w:r w:rsidR="00D536CB" w:rsidRPr="00B17F28">
          <w:rPr>
            <w:rFonts w:ascii="Arial" w:hAnsi="Arial" w:cs="Arial"/>
            <w:bCs/>
            <w:sz w:val="16"/>
            <w:szCs w:val="16"/>
          </w:rPr>
          <w:instrText>NUMPAGES</w:instrTex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separate"/>
        </w:r>
        <w:r w:rsidR="00D536CB">
          <w:rPr>
            <w:rFonts w:ascii="Arial" w:hAnsi="Arial" w:cs="Arial"/>
            <w:bCs/>
            <w:noProof/>
            <w:sz w:val="16"/>
            <w:szCs w:val="16"/>
          </w:rPr>
          <w:t>4</w: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end"/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E63FB6E" w14:textId="2B88EABC" w:rsidR="00D536CB" w:rsidRDefault="00D536CB" w:rsidP="006B609F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sz w:val="12"/>
        <w:szCs w:val="12"/>
      </w:rPr>
    </w:pPr>
    <w:r w:rsidRPr="00604405">
      <w:rPr>
        <w:rFonts w:ascii="Arial" w:hAnsi="Arial" w:cs="Arial"/>
        <w:b/>
        <w:noProof/>
        <w:sz w:val="12"/>
        <w:szCs w:val="12"/>
        <w:lang w:eastAsia="de-CH"/>
      </w:rPr>
      <w:drawing>
        <wp:anchor distT="0" distB="0" distL="114300" distR="114300" simplePos="0" relativeHeight="251661312" behindDoc="1" locked="0" layoutInCell="1" allowOverlap="0" wp14:anchorId="31E7212C" wp14:editId="0AF075CC">
          <wp:simplePos x="0" y="0"/>
          <wp:positionH relativeFrom="column">
            <wp:posOffset>-43815</wp:posOffset>
          </wp:positionH>
          <wp:positionV relativeFrom="paragraph">
            <wp:posOffset>-4994</wp:posOffset>
          </wp:positionV>
          <wp:extent cx="714375" cy="381000"/>
          <wp:effectExtent l="0" t="0" r="9525" b="0"/>
          <wp:wrapTight wrapText="bothSides">
            <wp:wrapPolygon edited="0">
              <wp:start x="0" y="0"/>
              <wp:lineTo x="0" y="20520"/>
              <wp:lineTo x="21312" y="20520"/>
              <wp:lineTo x="21312" y="0"/>
              <wp:lineTo x="0" y="0"/>
            </wp:wrapPolygon>
          </wp:wrapTight>
          <wp:docPr id="29" name="Bild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Bild 9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14375" cy="3810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0673F">
      <w:rPr>
        <w:rFonts w:ascii="Arial" w:hAnsi="Arial" w:cs="Arial"/>
        <w:sz w:val="12"/>
        <w:szCs w:val="12"/>
      </w:rPr>
      <w:t>V2021-</w:t>
    </w:r>
    <w:r w:rsidR="005E337D">
      <w:rPr>
        <w:rFonts w:ascii="Arial" w:hAnsi="Arial" w:cs="Arial"/>
        <w:sz w:val="12"/>
        <w:szCs w:val="12"/>
      </w:rPr>
      <w:t>10</w:t>
    </w:r>
    <w:r w:rsidR="0090673F">
      <w:rPr>
        <w:rFonts w:ascii="Arial" w:hAnsi="Arial" w:cs="Arial"/>
        <w:sz w:val="12"/>
        <w:szCs w:val="12"/>
      </w:rPr>
      <w:t>-0</w:t>
    </w:r>
    <w:r w:rsidR="005E337D">
      <w:rPr>
        <w:rFonts w:ascii="Arial" w:hAnsi="Arial" w:cs="Arial"/>
        <w:sz w:val="12"/>
        <w:szCs w:val="12"/>
      </w:rPr>
      <w:t>6</w:t>
    </w:r>
    <w:r w:rsidR="0090673F">
      <w:rPr>
        <w:rFonts w:ascii="Arial" w:hAnsi="Arial" w:cs="Arial"/>
        <w:sz w:val="12"/>
        <w:szCs w:val="12"/>
      </w:rPr>
      <w:t xml:space="preserve">; </w:t>
    </w:r>
    <w:r>
      <w:rPr>
        <w:rFonts w:ascii="Arial" w:hAnsi="Arial" w:cs="Arial"/>
        <w:sz w:val="12"/>
        <w:szCs w:val="12"/>
      </w:rPr>
      <w:t>B</w:t>
    </w:r>
    <w:r w:rsidRPr="0062557E">
      <w:rPr>
        <w:rFonts w:ascii="Arial" w:hAnsi="Arial" w:cs="Arial"/>
        <w:sz w:val="12"/>
        <w:szCs w:val="12"/>
      </w:rPr>
      <w:t xml:space="preserve">etreuungsplan </w:t>
    </w:r>
    <w:r>
      <w:rPr>
        <w:rFonts w:ascii="Arial" w:hAnsi="Arial" w:cs="Arial"/>
        <w:sz w:val="12"/>
        <w:szCs w:val="12"/>
      </w:rPr>
      <w:t>adaptiert mit freundlicher Genehmigung</w:t>
    </w:r>
    <w:r w:rsidRPr="0062557E">
      <w:rPr>
        <w:rFonts w:ascii="Arial" w:hAnsi="Arial" w:cs="Arial"/>
        <w:sz w:val="12"/>
        <w:szCs w:val="12"/>
      </w:rPr>
      <w:t xml:space="preserve"> von: PPCN CH</w:t>
    </w:r>
    <w:r>
      <w:rPr>
        <w:rFonts w:ascii="Arial" w:hAnsi="Arial" w:cs="Arial"/>
        <w:sz w:val="12"/>
        <w:szCs w:val="12"/>
      </w:rPr>
      <w:t xml:space="preserve"> </w:t>
    </w:r>
    <w:r w:rsidRPr="0062557E">
      <w:rPr>
        <w:rFonts w:ascii="Arial" w:hAnsi="Arial" w:cs="Arial"/>
        <w:sz w:val="12"/>
        <w:szCs w:val="12"/>
      </w:rPr>
      <w:t>www.ppcnch.jimdo.com</w:t>
    </w:r>
    <w:r>
      <w:rPr>
        <w:rFonts w:ascii="Arial" w:hAnsi="Arial" w:cs="Arial"/>
        <w:sz w:val="12"/>
        <w:szCs w:val="12"/>
      </w:rPr>
      <w:t>| Version vom 05.09.</w:t>
    </w:r>
    <w:r w:rsidRPr="0062557E">
      <w:rPr>
        <w:rFonts w:ascii="Arial" w:hAnsi="Arial" w:cs="Arial"/>
        <w:sz w:val="12"/>
        <w:szCs w:val="12"/>
      </w:rPr>
      <w:t>20</w:t>
    </w:r>
    <w:r>
      <w:rPr>
        <w:rFonts w:ascii="Arial" w:hAnsi="Arial" w:cs="Arial"/>
        <w:sz w:val="12"/>
        <w:szCs w:val="12"/>
      </w:rPr>
      <w:t>20</w:t>
    </w:r>
    <w:r w:rsidRPr="0062557E">
      <w:rPr>
        <w:rFonts w:ascii="Arial" w:hAnsi="Arial" w:cs="Arial"/>
        <w:sz w:val="12"/>
        <w:szCs w:val="12"/>
      </w:rPr>
      <w:t xml:space="preserve"> | </w:t>
    </w:r>
  </w:p>
  <w:p w14:paraId="21AFC7CD" w14:textId="4CB17A16" w:rsidR="00D536CB" w:rsidRDefault="00D536CB" w:rsidP="002B0CCB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  <w:r w:rsidRPr="006B609F">
      <w:rPr>
        <w:rFonts w:ascii="Arial" w:hAnsi="Arial" w:cs="Arial"/>
        <w:i/>
        <w:iCs/>
        <w:sz w:val="12"/>
        <w:szCs w:val="12"/>
      </w:rPr>
      <w:t>HINWEIS</w:t>
    </w:r>
    <w:r>
      <w:rPr>
        <w:rFonts w:ascii="Arial" w:hAnsi="Arial" w:cs="Arial"/>
        <w:i/>
        <w:iCs/>
        <w:sz w:val="12"/>
        <w:szCs w:val="12"/>
      </w:rPr>
      <w:t>E</w:t>
    </w:r>
    <w:r w:rsidRPr="006B609F">
      <w:rPr>
        <w:rFonts w:ascii="Arial" w:hAnsi="Arial" w:cs="Arial"/>
        <w:i/>
        <w:iCs/>
        <w:sz w:val="12"/>
        <w:szCs w:val="12"/>
      </w:rPr>
      <w:t xml:space="preserve">: Zur Aktualisierung von Name/Vorname/Geburtsdatum in Kopfzeile im Word «Drucken...» auswählen &amp; abbrechen. </w:t>
    </w:r>
  </w:p>
  <w:p w14:paraId="562BEDDA" w14:textId="3C7B2D18" w:rsidR="00D536CB" w:rsidRPr="006B609F" w:rsidRDefault="00D536CB" w:rsidP="006B609F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6"/>
        <w:szCs w:val="16"/>
      </w:rPr>
    </w:pPr>
    <w:r w:rsidRPr="006B609F">
      <w:rPr>
        <w:rFonts w:ascii="Arial" w:hAnsi="Arial" w:cs="Arial"/>
        <w:i/>
        <w:iCs/>
        <w:sz w:val="12"/>
        <w:szCs w:val="12"/>
      </w:rPr>
      <w:t xml:space="preserve">Zum </w:t>
    </w:r>
    <w:r>
      <w:rPr>
        <w:rFonts w:ascii="Arial" w:hAnsi="Arial" w:cs="Arial"/>
        <w:i/>
        <w:iCs/>
        <w:sz w:val="12"/>
        <w:szCs w:val="12"/>
      </w:rPr>
      <w:t xml:space="preserve">einfacheren Bearbeiten des Planes </w:t>
    </w:r>
    <w:r w:rsidRPr="006B609F">
      <w:rPr>
        <w:rFonts w:ascii="Arial" w:hAnsi="Arial" w:cs="Arial"/>
        <w:i/>
        <w:iCs/>
        <w:sz w:val="12"/>
        <w:szCs w:val="12"/>
      </w:rPr>
      <w:t>Schreibschutz entfernen</w:t>
    </w:r>
    <w:r>
      <w:rPr>
        <w:rFonts w:ascii="Arial" w:hAnsi="Arial" w:cs="Arial"/>
        <w:i/>
        <w:iCs/>
        <w:sz w:val="12"/>
        <w:szCs w:val="12"/>
      </w:rPr>
      <w:t xml:space="preserve"> (Mac: Menu Extras-&gt;Dokument schützen), danach Schreibschutz</w:t>
    </w:r>
    <w:r w:rsidRPr="002B0CCB">
      <w:rPr>
        <w:rFonts w:ascii="Arial" w:hAnsi="Arial" w:cs="Arial"/>
        <w:i/>
        <w:iCs/>
        <w:sz w:val="12"/>
        <w:szCs w:val="12"/>
        <w:u w:val="single"/>
      </w:rPr>
      <w:t xml:space="preserve"> nicht</w:t>
    </w:r>
    <w:r>
      <w:rPr>
        <w:rFonts w:ascii="Arial" w:hAnsi="Arial" w:cs="Arial"/>
        <w:i/>
        <w:iCs/>
        <w:sz w:val="12"/>
        <w:szCs w:val="12"/>
      </w:rPr>
      <w:t xml:space="preserve"> mehr aktivieren.</w:t>
    </w:r>
  </w:p>
  <w:p w14:paraId="6E509FC1" w14:textId="77777777" w:rsidR="00D536CB" w:rsidRPr="00C32DEF" w:rsidRDefault="00D536CB" w:rsidP="0062557E">
    <w:pPr>
      <w:tabs>
        <w:tab w:val="left" w:pos="1260"/>
        <w:tab w:val="left" w:pos="3600"/>
        <w:tab w:val="left" w:pos="5580"/>
        <w:tab w:val="right" w:pos="9900"/>
      </w:tabs>
      <w:spacing w:after="0" w:line="240" w:lineRule="auto"/>
      <w:ind w:right="-85" w:firstLine="709"/>
      <w:jc w:val="right"/>
      <w:rPr>
        <w:rFonts w:ascii="Arial" w:hAnsi="Arial" w:cs="Arial"/>
        <w:sz w:val="16"/>
        <w:szCs w:val="16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DA6137B" w14:textId="77777777" w:rsidR="0031321E" w:rsidRDefault="0031321E" w:rsidP="005E2474">
      <w:pPr>
        <w:spacing w:after="0" w:line="240" w:lineRule="auto"/>
      </w:pPr>
      <w:r>
        <w:separator/>
      </w:r>
    </w:p>
  </w:footnote>
  <w:footnote w:type="continuationSeparator" w:id="0">
    <w:p w14:paraId="7C5D450B" w14:textId="77777777" w:rsidR="0031321E" w:rsidRDefault="0031321E" w:rsidP="005E247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C562F30" w14:textId="77777777" w:rsidR="00D536CB" w:rsidRPr="002F3218" w:rsidRDefault="00D536CB" w:rsidP="00E14BF3">
    <w:pPr>
      <w:pStyle w:val="Kopfzeile"/>
      <w:tabs>
        <w:tab w:val="clear" w:pos="4536"/>
        <w:tab w:val="left" w:pos="2127"/>
        <w:tab w:val="left" w:pos="4253"/>
        <w:tab w:val="left" w:pos="6804"/>
      </w:tabs>
      <w:spacing w:after="0" w:line="240" w:lineRule="auto"/>
      <w:rPr>
        <w:rFonts w:ascii="Arial" w:hAnsi="Arial" w:cs="Arial"/>
        <w:b/>
        <w:sz w:val="24"/>
        <w:szCs w:val="24"/>
        <w:lang w:val="en-US"/>
      </w:rPr>
    </w:pPr>
    <w:r>
      <w:rPr>
        <w:rFonts w:ascii="Arial" w:hAnsi="Arial" w:cs="Arial"/>
        <w:sz w:val="18"/>
        <w:szCs w:val="18"/>
        <w:lang w:val="en-US"/>
      </w:rPr>
      <w:t xml:space="preserve">Name: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NAME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>
      <w:rPr>
        <w:rFonts w:ascii="Arial" w:hAnsi="Arial" w:cs="Arial"/>
        <w:sz w:val="18"/>
        <w:szCs w:val="18"/>
        <w:lang w:val="en-US"/>
      </w:rPr>
      <w:t xml:space="preserve">     </w:t>
    </w:r>
    <w:r w:rsidRPr="002F3218">
      <w:rPr>
        <w:rFonts w:ascii="Arial" w:hAnsi="Arial" w:cs="Arial"/>
        <w:sz w:val="18"/>
        <w:szCs w:val="18"/>
        <w:lang w:val="en-US"/>
      </w:rPr>
      <w:t>Vorname:</w:t>
    </w:r>
    <w:r>
      <w:rPr>
        <w:rFonts w:ascii="Arial" w:hAnsi="Arial" w:cs="Arial"/>
        <w:sz w:val="18"/>
        <w:szCs w:val="18"/>
        <w:lang w:val="en-US"/>
      </w:rPr>
      <w:t xml:space="preserve">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Vornam  \* MERGEFORMAT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>
      <w:rPr>
        <w:rFonts w:ascii="Arial" w:hAnsi="Arial" w:cs="Arial"/>
        <w:sz w:val="18"/>
        <w:szCs w:val="18"/>
        <w:lang w:val="en-US"/>
      </w:rPr>
      <w:t xml:space="preserve">   </w:t>
    </w:r>
    <w:r w:rsidRPr="002F3218">
      <w:rPr>
        <w:rFonts w:ascii="Arial" w:hAnsi="Arial" w:cs="Arial"/>
        <w:sz w:val="18"/>
        <w:szCs w:val="18"/>
        <w:lang w:val="en-US"/>
      </w:rPr>
      <w:t>Geburtsdatum:</w:t>
    </w:r>
    <w:r>
      <w:rPr>
        <w:rFonts w:ascii="Arial" w:hAnsi="Arial" w:cs="Arial"/>
        <w:sz w:val="18"/>
        <w:szCs w:val="18"/>
        <w:lang w:val="en-US"/>
      </w:rPr>
      <w:t xml:space="preserve">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Gebdat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 w:rsidRPr="00E772C4">
      <w:rPr>
        <w:rFonts w:ascii="Arial" w:hAnsi="Arial" w:cs="Arial"/>
        <w:b/>
        <w:sz w:val="24"/>
        <w:szCs w:val="24"/>
      </w:rPr>
      <w:ptab w:relativeTo="margin" w:alignment="right" w:leader="none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B4FAA60" w14:textId="15848DF1" w:rsidR="00D536CB" w:rsidRDefault="00F35D5A" w:rsidP="001306F5">
    <w:pPr>
      <w:spacing w:after="0" w:line="240" w:lineRule="auto"/>
      <w:rPr>
        <w:rFonts w:ascii="Times New Roman" w:hAnsi="Times New Roman"/>
        <w:sz w:val="24"/>
        <w:szCs w:val="24"/>
        <w:lang w:eastAsia="de-DE"/>
      </w:rPr>
    </w:pPr>
    <w:r>
      <w:rPr>
        <w:rFonts w:ascii="Times New Roman" w:hAnsi="Times New Roman"/>
        <w:noProof/>
        <w:sz w:val="24"/>
        <w:szCs w:val="24"/>
        <w:lang w:eastAsia="de-DE"/>
      </w:rPr>
      <w:drawing>
        <wp:anchor distT="0" distB="0" distL="114300" distR="114300" simplePos="0" relativeHeight="251660800" behindDoc="0" locked="0" layoutInCell="1" allowOverlap="1" wp14:anchorId="5BE91025" wp14:editId="7346E981">
          <wp:simplePos x="0" y="0"/>
          <wp:positionH relativeFrom="column">
            <wp:posOffset>3187700</wp:posOffset>
          </wp:positionH>
          <wp:positionV relativeFrom="paragraph">
            <wp:posOffset>-208915</wp:posOffset>
          </wp:positionV>
          <wp:extent cx="3044190" cy="596900"/>
          <wp:effectExtent l="0" t="0" r="3810" b="0"/>
          <wp:wrapNone/>
          <wp:docPr id="8" name="Grafik 8" descr="Ein Bild, das Zeichnung enthält.&#10;&#10;Automatisch generierte Beschreibu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8" name="Grafik 8" descr="Ein Bild, das Zeichnung enthält.&#10;&#10;Automatisch generierte Beschreibung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3044190" cy="5969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D536CB">
      <w:rPr>
        <w:rFonts w:ascii="Arial" w:hAnsi="Arial" w:cs="Arial"/>
        <w:b/>
        <w:noProof/>
        <w:sz w:val="40"/>
        <w:szCs w:val="40"/>
        <w:lang w:eastAsia="de-CH"/>
      </w:rPr>
      <mc:AlternateContent>
        <mc:Choice Requires="wps">
          <w:drawing>
            <wp:anchor distT="0" distB="0" distL="114300" distR="114300" simplePos="0" relativeHeight="251658752" behindDoc="0" locked="0" layoutInCell="1" allowOverlap="1" wp14:anchorId="72806E4F" wp14:editId="1A85E4E2">
              <wp:simplePos x="0" y="0"/>
              <wp:positionH relativeFrom="column">
                <wp:posOffset>-123190</wp:posOffset>
              </wp:positionH>
              <wp:positionV relativeFrom="paragraph">
                <wp:posOffset>-289560</wp:posOffset>
              </wp:positionV>
              <wp:extent cx="2116455" cy="914400"/>
              <wp:effectExtent l="0" t="0" r="0" b="0"/>
              <wp:wrapNone/>
              <wp:docPr id="4" name="Text Box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2116455" cy="9144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45E3BA4C" w14:textId="77777777" w:rsidR="00D536CB" w:rsidRPr="007A1CEF" w:rsidRDefault="00D536CB">
                          <w:pPr>
                            <w:rPr>
                              <w:rFonts w:ascii="Helvetica" w:hAnsi="Helvetica"/>
                              <w:bCs/>
                              <w:sz w:val="52"/>
                              <w:szCs w:val="52"/>
                            </w:rPr>
                          </w:pPr>
                          <w:r w:rsidRPr="007A1CEF">
                            <w:rPr>
                              <w:rFonts w:ascii="Helvetica" w:hAnsi="Helvetica" w:cs="Arial"/>
                              <w:bCs/>
                              <w:sz w:val="52"/>
                              <w:szCs w:val="52"/>
                            </w:rPr>
                            <w:t>Betreuungsplan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72806E4F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6" type="#_x0000_t202" style="position:absolute;margin-left:-9.7pt;margin-top:-22.8pt;width:166.65pt;height:1in;z-index:251658752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" filled="f" stroked="f">
              <v:textbox>
                <w:txbxContent>
                  <w:p w14:paraId="45E3BA4C" w14:textId="77777777" w:rsidR="00D536CB" w:rsidRPr="007A1CEF" w:rsidRDefault="00D536CB">
                    <w:pPr>
                      <w:rPr>
                        <w:rFonts w:ascii="Helvetica" w:hAnsi="Helvetica"/>
                        <w:bCs/>
                        <w:sz w:val="52"/>
                        <w:szCs w:val="52"/>
                      </w:rPr>
                    </w:pPr>
                    <w:r w:rsidRPr="007A1CEF">
                      <w:rPr>
                        <w:rFonts w:ascii="Helvetica" w:hAnsi="Helvetica" w:cs="Arial"/>
                        <w:bCs/>
                        <w:sz w:val="52"/>
                        <w:szCs w:val="52"/>
                      </w:rPr>
                      <w:t>Betreuungsplan</w:t>
                    </w:r>
                  </w:p>
                </w:txbxContent>
              </v:textbox>
            </v:shape>
          </w:pict>
        </mc:Fallback>
      </mc:AlternateContent>
    </w:r>
    <w:r w:rsidR="00D536CB" w:rsidRPr="001306F5">
      <w:t xml:space="preserve"> </w:t>
    </w:r>
    <w:r w:rsidR="00D536CB" w:rsidRPr="001306F5">
      <w:rPr>
        <w:rFonts w:ascii="Times New Roman" w:hAnsi="Times New Roman"/>
        <w:sz w:val="24"/>
        <w:szCs w:val="24"/>
        <w:lang w:eastAsia="de-DE"/>
      </w:rPr>
      <w:fldChar w:fldCharType="begin"/>
    </w:r>
    <w:r w:rsidR="00D536CB" w:rsidRPr="001306F5">
      <w:rPr>
        <w:rFonts w:ascii="Times New Roman" w:hAnsi="Times New Roman"/>
        <w:sz w:val="24"/>
        <w:szCs w:val="24"/>
        <w:lang w:eastAsia="de-DE"/>
      </w:rPr>
      <w:instrText xml:space="preserve"> INCLUDEPICTURE "cid:41ADF39B-77F7-424C-A5C9-38075F313FD6@home" \* MERGEFORMATINET </w:instrText>
    </w:r>
    <w:r w:rsidR="00D536CB" w:rsidRPr="001306F5">
      <w:rPr>
        <w:rFonts w:ascii="Times New Roman" w:hAnsi="Times New Roman"/>
        <w:sz w:val="24"/>
        <w:szCs w:val="24"/>
        <w:lang w:eastAsia="de-DE"/>
      </w:rPr>
      <w:fldChar w:fldCharType="separate"/>
    </w:r>
    <w:r w:rsidR="00D536CB" w:rsidRPr="001306F5">
      <w:rPr>
        <w:rFonts w:ascii="Times New Roman" w:hAnsi="Times New Roman"/>
        <w:noProof/>
        <w:sz w:val="24"/>
        <w:szCs w:val="24"/>
        <w:lang w:eastAsia="de-DE"/>
      </w:rPr>
      <mc:AlternateContent>
        <mc:Choice Requires="wps">
          <w:drawing>
            <wp:inline distT="0" distB="0" distL="0" distR="0" wp14:anchorId="01074A5E" wp14:editId="77109560">
              <wp:extent cx="304800" cy="304800"/>
              <wp:effectExtent l="0" t="0" r="0" b="0"/>
              <wp:docPr id="6" name="Rechteck 6" descr="Palliavia_Logo_New.jpeg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spect="1" noChangeArrowheads="1"/>
                    </wps:cNvSpPr>
                    <wps:spPr bwMode="auto">
                      <a:xfrm>
                        <a:off x="0" y="0"/>
                        <a:ext cx="304800" cy="3048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</wp:inline>
          </w:drawing>
        </mc:Choice>
        <mc:Fallback>
          <w:pict>
            <v:rect w14:anchorId="6090AC5F" id="Rechteck 6" o:spid="_x0000_s1026" alt="Palliavia_Logo_New.jpeg" style="width:24pt;height:24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" filled="f" stroked="f">
              <o:lock v:ext="edit" aspectratio="t"/>
              <w10:anchorlock/>
            </v:rect>
          </w:pict>
        </mc:Fallback>
      </mc:AlternateContent>
    </w:r>
    <w:r w:rsidR="00D536CB" w:rsidRPr="001306F5">
      <w:rPr>
        <w:rFonts w:ascii="Times New Roman" w:hAnsi="Times New Roman"/>
        <w:sz w:val="24"/>
        <w:szCs w:val="24"/>
        <w:lang w:eastAsia="de-DE"/>
      </w:rPr>
      <w:fldChar w:fldCharType="end"/>
    </w:r>
  </w:p>
  <w:p w14:paraId="59E1B988" w14:textId="24F34477" w:rsidR="00F35D5A" w:rsidRDefault="00F35D5A" w:rsidP="001306F5">
    <w:pPr>
      <w:spacing w:after="0" w:line="240" w:lineRule="auto"/>
      <w:rPr>
        <w:rFonts w:ascii="Times New Roman" w:hAnsi="Times New Roman"/>
        <w:sz w:val="24"/>
        <w:szCs w:val="24"/>
        <w:lang w:eastAsia="de-DE"/>
      </w:rPr>
    </w:pPr>
  </w:p>
  <w:p w14:paraId="2396476C" w14:textId="573ECAEE" w:rsidR="00F35D5A" w:rsidRDefault="00F35D5A" w:rsidP="001306F5">
    <w:pPr>
      <w:spacing w:after="0" w:line="240" w:lineRule="auto"/>
      <w:rPr>
        <w:rFonts w:ascii="Times New Roman" w:hAnsi="Times New Roman"/>
        <w:sz w:val="24"/>
        <w:szCs w:val="24"/>
        <w:lang w:eastAsia="de-DE"/>
      </w:rPr>
    </w:pPr>
  </w:p>
  <w:p w14:paraId="1EFBFE5B" w14:textId="77777777" w:rsidR="00F35D5A" w:rsidRPr="001306F5" w:rsidRDefault="00F35D5A" w:rsidP="001306F5">
    <w:pPr>
      <w:spacing w:after="0" w:line="240" w:lineRule="auto"/>
      <w:rPr>
        <w:rFonts w:ascii="Times New Roman" w:hAnsi="Times New Roman"/>
        <w:sz w:val="24"/>
        <w:szCs w:val="24"/>
        <w:lang w:eastAsia="de-DE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81"/>
    <w:multiLevelType w:val="singleLevel"/>
    <w:tmpl w:val="28ACD1CA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1" w15:restartNumberingAfterBreak="0">
    <w:nsid w:val="FFFFFF83"/>
    <w:multiLevelType w:val="singleLevel"/>
    <w:tmpl w:val="F014B9F6"/>
    <w:lvl w:ilvl="0">
      <w:start w:val="1"/>
      <w:numFmt w:val="bullet"/>
      <w:pStyle w:val="Aufzhlungszeichen2"/>
      <w:lvlText w:val="–"/>
      <w:lvlJc w:val="left"/>
      <w:pPr>
        <w:tabs>
          <w:tab w:val="num" w:pos="568"/>
        </w:tabs>
        <w:ind w:left="568" w:hanging="284"/>
      </w:pPr>
      <w:rPr>
        <w:rFonts w:ascii="Arial" w:hAnsi="Arial" w:hint="default"/>
        <w:color w:val="auto"/>
      </w:rPr>
    </w:lvl>
  </w:abstractNum>
  <w:abstractNum w:abstractNumId="2" w15:restartNumberingAfterBreak="0">
    <w:nsid w:val="04BF328C"/>
    <w:multiLevelType w:val="hybridMultilevel"/>
    <w:tmpl w:val="B6848FEA"/>
    <w:lvl w:ilvl="0" w:tplc="0807001B">
      <w:start w:val="1"/>
      <w:numFmt w:val="low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FA86DB8"/>
    <w:multiLevelType w:val="hybridMultilevel"/>
    <w:tmpl w:val="CBEA5BFA"/>
    <w:lvl w:ilvl="0" w:tplc="08070013">
      <w:start w:val="1"/>
      <w:numFmt w:val="upp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450C2011"/>
    <w:multiLevelType w:val="hybridMultilevel"/>
    <w:tmpl w:val="C504A04C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453B37F9"/>
    <w:multiLevelType w:val="hybridMultilevel"/>
    <w:tmpl w:val="3DFEB25A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57146AC0"/>
    <w:multiLevelType w:val="hybridMultilevel"/>
    <w:tmpl w:val="200AA750"/>
    <w:lvl w:ilvl="0" w:tplc="0807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70D97362"/>
    <w:multiLevelType w:val="hybridMultilevel"/>
    <w:tmpl w:val="CBEA5BFA"/>
    <w:lvl w:ilvl="0" w:tplc="08070013">
      <w:start w:val="1"/>
      <w:numFmt w:val="upp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786A5C39"/>
    <w:multiLevelType w:val="hybridMultilevel"/>
    <w:tmpl w:val="CD20F226"/>
    <w:lvl w:ilvl="0" w:tplc="CE0893E2"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Arial" w:eastAsia="Times New Roman" w:hAnsi="Arial" w:hint="default"/>
      </w:rPr>
    </w:lvl>
    <w:lvl w:ilvl="1" w:tplc="08070003" w:tentative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</w:rPr>
    </w:lvl>
    <w:lvl w:ilvl="2" w:tplc="0807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807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807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7"/>
  </w:num>
  <w:num w:numId="3">
    <w:abstractNumId w:val="2"/>
  </w:num>
  <w:num w:numId="4">
    <w:abstractNumId w:val="3"/>
  </w:num>
  <w:num w:numId="5">
    <w:abstractNumId w:val="1"/>
  </w:num>
  <w:num w:numId="6">
    <w:abstractNumId w:val="4"/>
  </w:num>
  <w:num w:numId="7">
    <w:abstractNumId w:val="5"/>
  </w:num>
  <w:num w:numId="8">
    <w:abstractNumId w:val="0"/>
  </w:num>
  <w:num w:numId="9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87"/>
  <w:proofState w:spelling="clean"/>
  <w:documentProtection w:edit="forms" w:enforcement="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A6E69"/>
    <w:rsid w:val="00001A9E"/>
    <w:rsid w:val="00002EA6"/>
    <w:rsid w:val="00002F03"/>
    <w:rsid w:val="00003050"/>
    <w:rsid w:val="00011C9C"/>
    <w:rsid w:val="00021A14"/>
    <w:rsid w:val="00022CD7"/>
    <w:rsid w:val="000238C1"/>
    <w:rsid w:val="00027DB2"/>
    <w:rsid w:val="000372CA"/>
    <w:rsid w:val="00053977"/>
    <w:rsid w:val="00056D52"/>
    <w:rsid w:val="0006360E"/>
    <w:rsid w:val="000640E1"/>
    <w:rsid w:val="00064DA6"/>
    <w:rsid w:val="000705C7"/>
    <w:rsid w:val="00075AD9"/>
    <w:rsid w:val="00077AEF"/>
    <w:rsid w:val="00080632"/>
    <w:rsid w:val="00092035"/>
    <w:rsid w:val="00093BF9"/>
    <w:rsid w:val="000940E2"/>
    <w:rsid w:val="00096A83"/>
    <w:rsid w:val="000A1772"/>
    <w:rsid w:val="000A274D"/>
    <w:rsid w:val="000A278B"/>
    <w:rsid w:val="000A645C"/>
    <w:rsid w:val="000A77F1"/>
    <w:rsid w:val="000B3527"/>
    <w:rsid w:val="000B76FC"/>
    <w:rsid w:val="000B77AC"/>
    <w:rsid w:val="000C3197"/>
    <w:rsid w:val="000C5FD9"/>
    <w:rsid w:val="000E37AC"/>
    <w:rsid w:val="000E586A"/>
    <w:rsid w:val="000F595B"/>
    <w:rsid w:val="00110616"/>
    <w:rsid w:val="0011113E"/>
    <w:rsid w:val="0011486F"/>
    <w:rsid w:val="0012444F"/>
    <w:rsid w:val="00124FEB"/>
    <w:rsid w:val="001306F5"/>
    <w:rsid w:val="001322F9"/>
    <w:rsid w:val="00133424"/>
    <w:rsid w:val="00144083"/>
    <w:rsid w:val="00150185"/>
    <w:rsid w:val="001529C3"/>
    <w:rsid w:val="0016007A"/>
    <w:rsid w:val="001628C6"/>
    <w:rsid w:val="00166CEA"/>
    <w:rsid w:val="00172AA8"/>
    <w:rsid w:val="0017436B"/>
    <w:rsid w:val="00175F68"/>
    <w:rsid w:val="00176793"/>
    <w:rsid w:val="00176D91"/>
    <w:rsid w:val="00180422"/>
    <w:rsid w:val="00183AEE"/>
    <w:rsid w:val="00183D8C"/>
    <w:rsid w:val="00183F8D"/>
    <w:rsid w:val="001865FA"/>
    <w:rsid w:val="00192300"/>
    <w:rsid w:val="001A15EE"/>
    <w:rsid w:val="001A3EE8"/>
    <w:rsid w:val="001A46FD"/>
    <w:rsid w:val="001B3587"/>
    <w:rsid w:val="001B61BC"/>
    <w:rsid w:val="001C0514"/>
    <w:rsid w:val="001C06FD"/>
    <w:rsid w:val="001C2B11"/>
    <w:rsid w:val="001C5F50"/>
    <w:rsid w:val="001D0BFC"/>
    <w:rsid w:val="001D4186"/>
    <w:rsid w:val="001E0160"/>
    <w:rsid w:val="001E4372"/>
    <w:rsid w:val="001E4AB9"/>
    <w:rsid w:val="001E798B"/>
    <w:rsid w:val="001E7AB1"/>
    <w:rsid w:val="001F0D26"/>
    <w:rsid w:val="001F4F0A"/>
    <w:rsid w:val="001F4F81"/>
    <w:rsid w:val="001F78E9"/>
    <w:rsid w:val="00206531"/>
    <w:rsid w:val="002151CF"/>
    <w:rsid w:val="00215506"/>
    <w:rsid w:val="002160EF"/>
    <w:rsid w:val="0022337A"/>
    <w:rsid w:val="002249F1"/>
    <w:rsid w:val="002250F5"/>
    <w:rsid w:val="00230983"/>
    <w:rsid w:val="00234C74"/>
    <w:rsid w:val="0023789F"/>
    <w:rsid w:val="0023798A"/>
    <w:rsid w:val="00237AD3"/>
    <w:rsid w:val="0024126E"/>
    <w:rsid w:val="00241719"/>
    <w:rsid w:val="00241B5A"/>
    <w:rsid w:val="00245772"/>
    <w:rsid w:val="00245FCA"/>
    <w:rsid w:val="002502A8"/>
    <w:rsid w:val="002505A7"/>
    <w:rsid w:val="00250E3A"/>
    <w:rsid w:val="0025240E"/>
    <w:rsid w:val="00255F97"/>
    <w:rsid w:val="002605B5"/>
    <w:rsid w:val="00261681"/>
    <w:rsid w:val="0026246F"/>
    <w:rsid w:val="00264CC5"/>
    <w:rsid w:val="00266B0F"/>
    <w:rsid w:val="00272ADF"/>
    <w:rsid w:val="00273E44"/>
    <w:rsid w:val="00274C13"/>
    <w:rsid w:val="00274CAA"/>
    <w:rsid w:val="00287932"/>
    <w:rsid w:val="00290CE5"/>
    <w:rsid w:val="0029314B"/>
    <w:rsid w:val="002B0CCB"/>
    <w:rsid w:val="002C3002"/>
    <w:rsid w:val="002C3646"/>
    <w:rsid w:val="002D3E22"/>
    <w:rsid w:val="002D4599"/>
    <w:rsid w:val="002D6C70"/>
    <w:rsid w:val="002D7776"/>
    <w:rsid w:val="002E173E"/>
    <w:rsid w:val="002E1AAC"/>
    <w:rsid w:val="002E558E"/>
    <w:rsid w:val="002E67FF"/>
    <w:rsid w:val="002F3218"/>
    <w:rsid w:val="0030251F"/>
    <w:rsid w:val="00302D03"/>
    <w:rsid w:val="003030C8"/>
    <w:rsid w:val="00310149"/>
    <w:rsid w:val="003129CD"/>
    <w:rsid w:val="0031321E"/>
    <w:rsid w:val="003170FE"/>
    <w:rsid w:val="00317391"/>
    <w:rsid w:val="003177DF"/>
    <w:rsid w:val="00324500"/>
    <w:rsid w:val="00324DBD"/>
    <w:rsid w:val="00325308"/>
    <w:rsid w:val="00326690"/>
    <w:rsid w:val="00335301"/>
    <w:rsid w:val="00337857"/>
    <w:rsid w:val="00340787"/>
    <w:rsid w:val="00343B63"/>
    <w:rsid w:val="003457BD"/>
    <w:rsid w:val="00346FFD"/>
    <w:rsid w:val="0034753C"/>
    <w:rsid w:val="00350D23"/>
    <w:rsid w:val="00351ACD"/>
    <w:rsid w:val="003547CD"/>
    <w:rsid w:val="00363380"/>
    <w:rsid w:val="00365FD7"/>
    <w:rsid w:val="00386154"/>
    <w:rsid w:val="00386F62"/>
    <w:rsid w:val="003A67FB"/>
    <w:rsid w:val="003B41D1"/>
    <w:rsid w:val="003B62E2"/>
    <w:rsid w:val="003C00EE"/>
    <w:rsid w:val="003C20E0"/>
    <w:rsid w:val="003C6084"/>
    <w:rsid w:val="003C68C6"/>
    <w:rsid w:val="003D7380"/>
    <w:rsid w:val="003D7AF2"/>
    <w:rsid w:val="003E3821"/>
    <w:rsid w:val="003E3B6A"/>
    <w:rsid w:val="003E587A"/>
    <w:rsid w:val="003E5E28"/>
    <w:rsid w:val="003F0C71"/>
    <w:rsid w:val="003F3B5B"/>
    <w:rsid w:val="003F4713"/>
    <w:rsid w:val="003F4C26"/>
    <w:rsid w:val="004004C8"/>
    <w:rsid w:val="0040431F"/>
    <w:rsid w:val="00405FBE"/>
    <w:rsid w:val="00410158"/>
    <w:rsid w:val="004118C5"/>
    <w:rsid w:val="00414EB9"/>
    <w:rsid w:val="00421399"/>
    <w:rsid w:val="00426707"/>
    <w:rsid w:val="00437BD4"/>
    <w:rsid w:val="00442A1D"/>
    <w:rsid w:val="00445D35"/>
    <w:rsid w:val="00446B0C"/>
    <w:rsid w:val="00452F5B"/>
    <w:rsid w:val="00453D50"/>
    <w:rsid w:val="00454CA4"/>
    <w:rsid w:val="004554C5"/>
    <w:rsid w:val="00470714"/>
    <w:rsid w:val="00481934"/>
    <w:rsid w:val="00485671"/>
    <w:rsid w:val="00487E6C"/>
    <w:rsid w:val="004912B1"/>
    <w:rsid w:val="004920B0"/>
    <w:rsid w:val="00495A85"/>
    <w:rsid w:val="00496480"/>
    <w:rsid w:val="004A129F"/>
    <w:rsid w:val="004A5DE9"/>
    <w:rsid w:val="004A624F"/>
    <w:rsid w:val="004A6812"/>
    <w:rsid w:val="004B3878"/>
    <w:rsid w:val="004B4663"/>
    <w:rsid w:val="004B5C74"/>
    <w:rsid w:val="004C2C59"/>
    <w:rsid w:val="004C3D5C"/>
    <w:rsid w:val="004C3D65"/>
    <w:rsid w:val="004C78FF"/>
    <w:rsid w:val="004D162A"/>
    <w:rsid w:val="004D6170"/>
    <w:rsid w:val="004D794F"/>
    <w:rsid w:val="004E056D"/>
    <w:rsid w:val="004E3978"/>
    <w:rsid w:val="004F3116"/>
    <w:rsid w:val="004F3431"/>
    <w:rsid w:val="004F454C"/>
    <w:rsid w:val="00502170"/>
    <w:rsid w:val="00502BB0"/>
    <w:rsid w:val="00503643"/>
    <w:rsid w:val="005042A5"/>
    <w:rsid w:val="005125C1"/>
    <w:rsid w:val="005127F4"/>
    <w:rsid w:val="00515299"/>
    <w:rsid w:val="00522463"/>
    <w:rsid w:val="0052572C"/>
    <w:rsid w:val="005306A2"/>
    <w:rsid w:val="00536200"/>
    <w:rsid w:val="0054062F"/>
    <w:rsid w:val="00544D65"/>
    <w:rsid w:val="00546030"/>
    <w:rsid w:val="00551A15"/>
    <w:rsid w:val="0055242C"/>
    <w:rsid w:val="005569EB"/>
    <w:rsid w:val="00557692"/>
    <w:rsid w:val="00564E49"/>
    <w:rsid w:val="00575501"/>
    <w:rsid w:val="0058011F"/>
    <w:rsid w:val="00582ADD"/>
    <w:rsid w:val="005843E9"/>
    <w:rsid w:val="005868F2"/>
    <w:rsid w:val="00586B42"/>
    <w:rsid w:val="00594AA9"/>
    <w:rsid w:val="005A1046"/>
    <w:rsid w:val="005A4799"/>
    <w:rsid w:val="005A61C4"/>
    <w:rsid w:val="005B09E5"/>
    <w:rsid w:val="005C238D"/>
    <w:rsid w:val="005C3347"/>
    <w:rsid w:val="005C6FB5"/>
    <w:rsid w:val="005D0085"/>
    <w:rsid w:val="005D30E8"/>
    <w:rsid w:val="005D4CD8"/>
    <w:rsid w:val="005D56A4"/>
    <w:rsid w:val="005D58B8"/>
    <w:rsid w:val="005D73CE"/>
    <w:rsid w:val="005E0A78"/>
    <w:rsid w:val="005E206E"/>
    <w:rsid w:val="005E21CA"/>
    <w:rsid w:val="005E2474"/>
    <w:rsid w:val="005E2F99"/>
    <w:rsid w:val="005E313A"/>
    <w:rsid w:val="005E337D"/>
    <w:rsid w:val="005E4595"/>
    <w:rsid w:val="005F2179"/>
    <w:rsid w:val="005F4FFC"/>
    <w:rsid w:val="005F5650"/>
    <w:rsid w:val="00601AAE"/>
    <w:rsid w:val="006035AE"/>
    <w:rsid w:val="00603A3F"/>
    <w:rsid w:val="00604405"/>
    <w:rsid w:val="00604EBB"/>
    <w:rsid w:val="006111BF"/>
    <w:rsid w:val="00612E77"/>
    <w:rsid w:val="0061364E"/>
    <w:rsid w:val="006157A4"/>
    <w:rsid w:val="00620455"/>
    <w:rsid w:val="0062216D"/>
    <w:rsid w:val="006249F1"/>
    <w:rsid w:val="0062557E"/>
    <w:rsid w:val="00635975"/>
    <w:rsid w:val="00636269"/>
    <w:rsid w:val="00636A6E"/>
    <w:rsid w:val="00640423"/>
    <w:rsid w:val="006432A6"/>
    <w:rsid w:val="00644861"/>
    <w:rsid w:val="00647E10"/>
    <w:rsid w:val="006503D3"/>
    <w:rsid w:val="006517A0"/>
    <w:rsid w:val="006521BF"/>
    <w:rsid w:val="00657C86"/>
    <w:rsid w:val="00665288"/>
    <w:rsid w:val="006655CB"/>
    <w:rsid w:val="006665BE"/>
    <w:rsid w:val="0067099F"/>
    <w:rsid w:val="00672111"/>
    <w:rsid w:val="00674F2E"/>
    <w:rsid w:val="0067525D"/>
    <w:rsid w:val="00676927"/>
    <w:rsid w:val="00677A6B"/>
    <w:rsid w:val="0068197A"/>
    <w:rsid w:val="006968B2"/>
    <w:rsid w:val="006A3E15"/>
    <w:rsid w:val="006A45D0"/>
    <w:rsid w:val="006A58BD"/>
    <w:rsid w:val="006A655D"/>
    <w:rsid w:val="006A6E69"/>
    <w:rsid w:val="006B609F"/>
    <w:rsid w:val="006B6CD0"/>
    <w:rsid w:val="006C31E9"/>
    <w:rsid w:val="006C5439"/>
    <w:rsid w:val="006E14B4"/>
    <w:rsid w:val="006E3687"/>
    <w:rsid w:val="006F21A7"/>
    <w:rsid w:val="006F43A8"/>
    <w:rsid w:val="006F59E8"/>
    <w:rsid w:val="0070071A"/>
    <w:rsid w:val="00700B87"/>
    <w:rsid w:val="00704290"/>
    <w:rsid w:val="00710F68"/>
    <w:rsid w:val="0071182F"/>
    <w:rsid w:val="007146CD"/>
    <w:rsid w:val="00731920"/>
    <w:rsid w:val="007370F9"/>
    <w:rsid w:val="00737217"/>
    <w:rsid w:val="0074302F"/>
    <w:rsid w:val="00746A06"/>
    <w:rsid w:val="0075126C"/>
    <w:rsid w:val="0075471A"/>
    <w:rsid w:val="00756E8A"/>
    <w:rsid w:val="00757C42"/>
    <w:rsid w:val="00760B26"/>
    <w:rsid w:val="00764357"/>
    <w:rsid w:val="007666A3"/>
    <w:rsid w:val="00770048"/>
    <w:rsid w:val="00773B32"/>
    <w:rsid w:val="007766B0"/>
    <w:rsid w:val="00776E0E"/>
    <w:rsid w:val="0078158C"/>
    <w:rsid w:val="00783BDF"/>
    <w:rsid w:val="00792673"/>
    <w:rsid w:val="00794F1C"/>
    <w:rsid w:val="007A1CEF"/>
    <w:rsid w:val="007A3292"/>
    <w:rsid w:val="007A69E6"/>
    <w:rsid w:val="007C0AF6"/>
    <w:rsid w:val="007C15DB"/>
    <w:rsid w:val="007C1AF9"/>
    <w:rsid w:val="007C23C8"/>
    <w:rsid w:val="007C27CB"/>
    <w:rsid w:val="007D04F8"/>
    <w:rsid w:val="007D0F9D"/>
    <w:rsid w:val="007D3698"/>
    <w:rsid w:val="007D70C1"/>
    <w:rsid w:val="007E2005"/>
    <w:rsid w:val="007E4C34"/>
    <w:rsid w:val="007E5999"/>
    <w:rsid w:val="007F25F9"/>
    <w:rsid w:val="007F79DE"/>
    <w:rsid w:val="00801E07"/>
    <w:rsid w:val="00802A53"/>
    <w:rsid w:val="0080390A"/>
    <w:rsid w:val="008071F8"/>
    <w:rsid w:val="008204D9"/>
    <w:rsid w:val="00823AFD"/>
    <w:rsid w:val="0082771F"/>
    <w:rsid w:val="00833824"/>
    <w:rsid w:val="00833E6D"/>
    <w:rsid w:val="00834351"/>
    <w:rsid w:val="008345A3"/>
    <w:rsid w:val="00836A19"/>
    <w:rsid w:val="0084020E"/>
    <w:rsid w:val="00840AFE"/>
    <w:rsid w:val="00841471"/>
    <w:rsid w:val="00847F53"/>
    <w:rsid w:val="00851E17"/>
    <w:rsid w:val="00853857"/>
    <w:rsid w:val="00855B17"/>
    <w:rsid w:val="00861579"/>
    <w:rsid w:val="008644BD"/>
    <w:rsid w:val="0086616F"/>
    <w:rsid w:val="00866DD5"/>
    <w:rsid w:val="0087181C"/>
    <w:rsid w:val="00872AF8"/>
    <w:rsid w:val="00875728"/>
    <w:rsid w:val="00877E4F"/>
    <w:rsid w:val="0089228F"/>
    <w:rsid w:val="008A4F3A"/>
    <w:rsid w:val="008A5604"/>
    <w:rsid w:val="008B4050"/>
    <w:rsid w:val="008B41A9"/>
    <w:rsid w:val="008C1F27"/>
    <w:rsid w:val="008C2CB5"/>
    <w:rsid w:val="008C3BE6"/>
    <w:rsid w:val="008C408A"/>
    <w:rsid w:val="008C794A"/>
    <w:rsid w:val="008D0728"/>
    <w:rsid w:val="008D4F6C"/>
    <w:rsid w:val="008D6188"/>
    <w:rsid w:val="008F7357"/>
    <w:rsid w:val="0090673F"/>
    <w:rsid w:val="009076DB"/>
    <w:rsid w:val="009140BD"/>
    <w:rsid w:val="00914EB0"/>
    <w:rsid w:val="009158DA"/>
    <w:rsid w:val="00915B8A"/>
    <w:rsid w:val="0092271B"/>
    <w:rsid w:val="009247FE"/>
    <w:rsid w:val="009251E5"/>
    <w:rsid w:val="0092600F"/>
    <w:rsid w:val="00930F94"/>
    <w:rsid w:val="00934957"/>
    <w:rsid w:val="00937077"/>
    <w:rsid w:val="00937533"/>
    <w:rsid w:val="00953FD5"/>
    <w:rsid w:val="00961250"/>
    <w:rsid w:val="0096225C"/>
    <w:rsid w:val="00962E7C"/>
    <w:rsid w:val="00967EBE"/>
    <w:rsid w:val="00971945"/>
    <w:rsid w:val="0097520F"/>
    <w:rsid w:val="00977706"/>
    <w:rsid w:val="00977F93"/>
    <w:rsid w:val="0098158B"/>
    <w:rsid w:val="009815AE"/>
    <w:rsid w:val="0098552F"/>
    <w:rsid w:val="009860E8"/>
    <w:rsid w:val="009866B2"/>
    <w:rsid w:val="009A1259"/>
    <w:rsid w:val="009A254C"/>
    <w:rsid w:val="009A2CFE"/>
    <w:rsid w:val="009A6865"/>
    <w:rsid w:val="009B1D7A"/>
    <w:rsid w:val="009C05DA"/>
    <w:rsid w:val="009C18A7"/>
    <w:rsid w:val="009C2A9F"/>
    <w:rsid w:val="009C5F49"/>
    <w:rsid w:val="009D3A3B"/>
    <w:rsid w:val="009D4A35"/>
    <w:rsid w:val="009D781B"/>
    <w:rsid w:val="009E2FAA"/>
    <w:rsid w:val="009F5054"/>
    <w:rsid w:val="009F5220"/>
    <w:rsid w:val="009F5ADC"/>
    <w:rsid w:val="00A015CC"/>
    <w:rsid w:val="00A0183E"/>
    <w:rsid w:val="00A047E3"/>
    <w:rsid w:val="00A05A3B"/>
    <w:rsid w:val="00A05AFF"/>
    <w:rsid w:val="00A156FF"/>
    <w:rsid w:val="00A165A0"/>
    <w:rsid w:val="00A16A79"/>
    <w:rsid w:val="00A20A58"/>
    <w:rsid w:val="00A22A8E"/>
    <w:rsid w:val="00A25982"/>
    <w:rsid w:val="00A2793B"/>
    <w:rsid w:val="00A3554A"/>
    <w:rsid w:val="00A37613"/>
    <w:rsid w:val="00A400E8"/>
    <w:rsid w:val="00A40CFF"/>
    <w:rsid w:val="00A41BA6"/>
    <w:rsid w:val="00A50D4C"/>
    <w:rsid w:val="00A51A31"/>
    <w:rsid w:val="00A54D8C"/>
    <w:rsid w:val="00A55917"/>
    <w:rsid w:val="00A62611"/>
    <w:rsid w:val="00A63C03"/>
    <w:rsid w:val="00A81EE3"/>
    <w:rsid w:val="00A8225C"/>
    <w:rsid w:val="00A83C93"/>
    <w:rsid w:val="00A8618B"/>
    <w:rsid w:val="00A8623E"/>
    <w:rsid w:val="00A8690B"/>
    <w:rsid w:val="00A86A8F"/>
    <w:rsid w:val="00A93358"/>
    <w:rsid w:val="00A94163"/>
    <w:rsid w:val="00AA177C"/>
    <w:rsid w:val="00AA703F"/>
    <w:rsid w:val="00AC35CD"/>
    <w:rsid w:val="00AC59ED"/>
    <w:rsid w:val="00AD052F"/>
    <w:rsid w:val="00AD24B4"/>
    <w:rsid w:val="00AD4FB1"/>
    <w:rsid w:val="00AD57CE"/>
    <w:rsid w:val="00AD6E60"/>
    <w:rsid w:val="00AE007E"/>
    <w:rsid w:val="00AE18E3"/>
    <w:rsid w:val="00AE19D1"/>
    <w:rsid w:val="00AE28DF"/>
    <w:rsid w:val="00AE292D"/>
    <w:rsid w:val="00AE598A"/>
    <w:rsid w:val="00AE70F3"/>
    <w:rsid w:val="00AE714F"/>
    <w:rsid w:val="00AE799D"/>
    <w:rsid w:val="00AF00B1"/>
    <w:rsid w:val="00B03FD3"/>
    <w:rsid w:val="00B0734C"/>
    <w:rsid w:val="00B07864"/>
    <w:rsid w:val="00B07B1B"/>
    <w:rsid w:val="00B07C94"/>
    <w:rsid w:val="00B11864"/>
    <w:rsid w:val="00B12BCF"/>
    <w:rsid w:val="00B13E89"/>
    <w:rsid w:val="00B15BD9"/>
    <w:rsid w:val="00B17F28"/>
    <w:rsid w:val="00B20B5B"/>
    <w:rsid w:val="00B20E43"/>
    <w:rsid w:val="00B21375"/>
    <w:rsid w:val="00B252DE"/>
    <w:rsid w:val="00B409B1"/>
    <w:rsid w:val="00B41778"/>
    <w:rsid w:val="00B42F62"/>
    <w:rsid w:val="00B44B52"/>
    <w:rsid w:val="00B54928"/>
    <w:rsid w:val="00B72BB6"/>
    <w:rsid w:val="00B772DE"/>
    <w:rsid w:val="00B77524"/>
    <w:rsid w:val="00B837C4"/>
    <w:rsid w:val="00B842E6"/>
    <w:rsid w:val="00B869F9"/>
    <w:rsid w:val="00B91311"/>
    <w:rsid w:val="00B9346E"/>
    <w:rsid w:val="00B93489"/>
    <w:rsid w:val="00B949BA"/>
    <w:rsid w:val="00B97FD1"/>
    <w:rsid w:val="00BB3C0B"/>
    <w:rsid w:val="00BB5F4B"/>
    <w:rsid w:val="00BC11C4"/>
    <w:rsid w:val="00BC20EE"/>
    <w:rsid w:val="00BC3A85"/>
    <w:rsid w:val="00BC4DAE"/>
    <w:rsid w:val="00BC642B"/>
    <w:rsid w:val="00BC7604"/>
    <w:rsid w:val="00BD2A30"/>
    <w:rsid w:val="00BD5D5A"/>
    <w:rsid w:val="00BF13BA"/>
    <w:rsid w:val="00BF162A"/>
    <w:rsid w:val="00BF2366"/>
    <w:rsid w:val="00C02D25"/>
    <w:rsid w:val="00C03F9C"/>
    <w:rsid w:val="00C057E7"/>
    <w:rsid w:val="00C118D7"/>
    <w:rsid w:val="00C14FEC"/>
    <w:rsid w:val="00C200DC"/>
    <w:rsid w:val="00C25BA7"/>
    <w:rsid w:val="00C25C25"/>
    <w:rsid w:val="00C301C3"/>
    <w:rsid w:val="00C311BD"/>
    <w:rsid w:val="00C32DEF"/>
    <w:rsid w:val="00C3309C"/>
    <w:rsid w:val="00C339A8"/>
    <w:rsid w:val="00C36472"/>
    <w:rsid w:val="00C55297"/>
    <w:rsid w:val="00C608BB"/>
    <w:rsid w:val="00C6245C"/>
    <w:rsid w:val="00C62ADE"/>
    <w:rsid w:val="00C64A1B"/>
    <w:rsid w:val="00C77B59"/>
    <w:rsid w:val="00C93E03"/>
    <w:rsid w:val="00CA1BD2"/>
    <w:rsid w:val="00CA7D14"/>
    <w:rsid w:val="00CB1895"/>
    <w:rsid w:val="00CB42B6"/>
    <w:rsid w:val="00CB4E57"/>
    <w:rsid w:val="00CB5713"/>
    <w:rsid w:val="00CD3148"/>
    <w:rsid w:val="00CD394E"/>
    <w:rsid w:val="00CD425D"/>
    <w:rsid w:val="00CD43E8"/>
    <w:rsid w:val="00CD7B4C"/>
    <w:rsid w:val="00CE0BA4"/>
    <w:rsid w:val="00CE0D2F"/>
    <w:rsid w:val="00CE38B9"/>
    <w:rsid w:val="00CE43E3"/>
    <w:rsid w:val="00CE5CD7"/>
    <w:rsid w:val="00CE5F61"/>
    <w:rsid w:val="00CF4FFF"/>
    <w:rsid w:val="00CF5E2A"/>
    <w:rsid w:val="00CF6B80"/>
    <w:rsid w:val="00D065F2"/>
    <w:rsid w:val="00D077DD"/>
    <w:rsid w:val="00D1322C"/>
    <w:rsid w:val="00D2735A"/>
    <w:rsid w:val="00D31385"/>
    <w:rsid w:val="00D328D4"/>
    <w:rsid w:val="00D3352C"/>
    <w:rsid w:val="00D3395B"/>
    <w:rsid w:val="00D37740"/>
    <w:rsid w:val="00D41C61"/>
    <w:rsid w:val="00D42F5C"/>
    <w:rsid w:val="00D43DBC"/>
    <w:rsid w:val="00D43F92"/>
    <w:rsid w:val="00D461C2"/>
    <w:rsid w:val="00D536CB"/>
    <w:rsid w:val="00D557DF"/>
    <w:rsid w:val="00D5730F"/>
    <w:rsid w:val="00D62995"/>
    <w:rsid w:val="00D63053"/>
    <w:rsid w:val="00D67C94"/>
    <w:rsid w:val="00D713D9"/>
    <w:rsid w:val="00D7692D"/>
    <w:rsid w:val="00D76979"/>
    <w:rsid w:val="00D76F5C"/>
    <w:rsid w:val="00D77214"/>
    <w:rsid w:val="00D81474"/>
    <w:rsid w:val="00D85AC2"/>
    <w:rsid w:val="00D916A1"/>
    <w:rsid w:val="00DA0828"/>
    <w:rsid w:val="00DA4ECF"/>
    <w:rsid w:val="00DB0820"/>
    <w:rsid w:val="00DB3654"/>
    <w:rsid w:val="00DB3F45"/>
    <w:rsid w:val="00DB6101"/>
    <w:rsid w:val="00DB7743"/>
    <w:rsid w:val="00DC0FCA"/>
    <w:rsid w:val="00DC5485"/>
    <w:rsid w:val="00DD19F9"/>
    <w:rsid w:val="00DD5CC6"/>
    <w:rsid w:val="00DE05DF"/>
    <w:rsid w:val="00DE249E"/>
    <w:rsid w:val="00DE2D42"/>
    <w:rsid w:val="00DE6FF4"/>
    <w:rsid w:val="00DF1E7D"/>
    <w:rsid w:val="00DF4ED5"/>
    <w:rsid w:val="00DF7E38"/>
    <w:rsid w:val="00E065CA"/>
    <w:rsid w:val="00E12AD0"/>
    <w:rsid w:val="00E13441"/>
    <w:rsid w:val="00E14BF3"/>
    <w:rsid w:val="00E227A7"/>
    <w:rsid w:val="00E23AE0"/>
    <w:rsid w:val="00E24145"/>
    <w:rsid w:val="00E2791F"/>
    <w:rsid w:val="00E41623"/>
    <w:rsid w:val="00E4353B"/>
    <w:rsid w:val="00E55A07"/>
    <w:rsid w:val="00E5601C"/>
    <w:rsid w:val="00E63C69"/>
    <w:rsid w:val="00E646D1"/>
    <w:rsid w:val="00E64E84"/>
    <w:rsid w:val="00E67BCB"/>
    <w:rsid w:val="00E72680"/>
    <w:rsid w:val="00E75F18"/>
    <w:rsid w:val="00E772C4"/>
    <w:rsid w:val="00E77D4C"/>
    <w:rsid w:val="00E845F7"/>
    <w:rsid w:val="00E927C1"/>
    <w:rsid w:val="00EA146B"/>
    <w:rsid w:val="00EA32F4"/>
    <w:rsid w:val="00EA6169"/>
    <w:rsid w:val="00EB0C30"/>
    <w:rsid w:val="00EB13AB"/>
    <w:rsid w:val="00EB7FF3"/>
    <w:rsid w:val="00EC7377"/>
    <w:rsid w:val="00EC74C2"/>
    <w:rsid w:val="00EC7E48"/>
    <w:rsid w:val="00ED39DA"/>
    <w:rsid w:val="00ED4F7F"/>
    <w:rsid w:val="00ED7C9A"/>
    <w:rsid w:val="00EE14DC"/>
    <w:rsid w:val="00EE354E"/>
    <w:rsid w:val="00EE6A19"/>
    <w:rsid w:val="00EE7157"/>
    <w:rsid w:val="00EE7275"/>
    <w:rsid w:val="00EF44F4"/>
    <w:rsid w:val="00EF7E7E"/>
    <w:rsid w:val="00F00833"/>
    <w:rsid w:val="00F00BF1"/>
    <w:rsid w:val="00F01DF4"/>
    <w:rsid w:val="00F11A1D"/>
    <w:rsid w:val="00F11A79"/>
    <w:rsid w:val="00F14720"/>
    <w:rsid w:val="00F17763"/>
    <w:rsid w:val="00F20C5B"/>
    <w:rsid w:val="00F241DE"/>
    <w:rsid w:val="00F24286"/>
    <w:rsid w:val="00F24CB4"/>
    <w:rsid w:val="00F26CEA"/>
    <w:rsid w:val="00F27ED0"/>
    <w:rsid w:val="00F32845"/>
    <w:rsid w:val="00F35D5A"/>
    <w:rsid w:val="00F361F5"/>
    <w:rsid w:val="00F36B70"/>
    <w:rsid w:val="00F41A9E"/>
    <w:rsid w:val="00F4334A"/>
    <w:rsid w:val="00F4383A"/>
    <w:rsid w:val="00F46AB1"/>
    <w:rsid w:val="00F51C5A"/>
    <w:rsid w:val="00F527D2"/>
    <w:rsid w:val="00F5755D"/>
    <w:rsid w:val="00F66C01"/>
    <w:rsid w:val="00F672F2"/>
    <w:rsid w:val="00F67A78"/>
    <w:rsid w:val="00F71230"/>
    <w:rsid w:val="00F71EE9"/>
    <w:rsid w:val="00F75496"/>
    <w:rsid w:val="00F77ECC"/>
    <w:rsid w:val="00F81063"/>
    <w:rsid w:val="00F81706"/>
    <w:rsid w:val="00F82ABC"/>
    <w:rsid w:val="00F961A8"/>
    <w:rsid w:val="00F971B3"/>
    <w:rsid w:val="00F97D39"/>
    <w:rsid w:val="00FA0468"/>
    <w:rsid w:val="00FA237A"/>
    <w:rsid w:val="00FA2442"/>
    <w:rsid w:val="00FA5553"/>
    <w:rsid w:val="00FB0C42"/>
    <w:rsid w:val="00FB1C78"/>
    <w:rsid w:val="00FB2491"/>
    <w:rsid w:val="00FB3563"/>
    <w:rsid w:val="00FB3D86"/>
    <w:rsid w:val="00FB4238"/>
    <w:rsid w:val="00FB4C86"/>
    <w:rsid w:val="00FB5742"/>
    <w:rsid w:val="00FC48C9"/>
    <w:rsid w:val="00FC5246"/>
    <w:rsid w:val="00FC52B9"/>
    <w:rsid w:val="00FD3367"/>
    <w:rsid w:val="00FD3FA2"/>
    <w:rsid w:val="00FE0D68"/>
    <w:rsid w:val="00FE0EF1"/>
    <w:rsid w:val="00FE26B1"/>
    <w:rsid w:val="00FE727C"/>
    <w:rsid w:val="00FF38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;"/>
  <w14:docId w14:val="42E5D0A5"/>
  <w15:docId w15:val="{3AE22C57-0505-A743-BD08-DDDCF0B3577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Times New Roman" w:hAnsi="Calibri" w:cs="Times New Roman"/>
        <w:lang w:val="de-CH" w:eastAsia="de-CH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 w:qFormat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/>
    <w:lsdException w:name="No Spacing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qFormat="1"/>
    <w:lsdException w:name="Intense Quote" w:qFormat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Subtle Emphasis" w:qFormat="1"/>
    <w:lsdException w:name="Intense Emphasis" w:qFormat="1"/>
    <w:lsdException w:name="Subtle Reference" w:qFormat="1"/>
    <w:lsdException w:name="Intense Reference" w:qFormat="1"/>
    <w:lsdException w:name="Book Title" w:qFormat="1"/>
    <w:lsdException w:name="Bibliography" w:semiHidden="1" w:unhideWhenUsed="1"/>
    <w:lsdException w:name="TOC Heading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Standard">
    <w:name w:val="Normal"/>
    <w:qFormat/>
    <w:rsid w:val="001628C6"/>
    <w:pPr>
      <w:spacing w:after="200" w:line="276" w:lineRule="auto"/>
    </w:pPr>
    <w:rPr>
      <w:sz w:val="22"/>
      <w:szCs w:val="22"/>
      <w:lang w:eastAsia="en-US"/>
    </w:rPr>
  </w:style>
  <w:style w:type="paragraph" w:styleId="berschrift3">
    <w:name w:val="heading 3"/>
    <w:basedOn w:val="Standard"/>
    <w:next w:val="Standard"/>
    <w:link w:val="berschrift3Zchn"/>
    <w:qFormat/>
    <w:rsid w:val="00FA5553"/>
    <w:pPr>
      <w:keepNext/>
      <w:spacing w:after="0" w:line="240" w:lineRule="auto"/>
      <w:jc w:val="center"/>
      <w:outlineLvl w:val="2"/>
    </w:pPr>
    <w:rPr>
      <w:rFonts w:ascii="Arial" w:hAnsi="Arial"/>
      <w:b/>
      <w:color w:val="000000"/>
      <w:sz w:val="20"/>
      <w:szCs w:val="20"/>
      <w:lang w:val="de-DE" w:eastAsia="de-DE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3Zchn">
    <w:name w:val="Überschrift 3 Zchn"/>
    <w:link w:val="berschrift3"/>
    <w:locked/>
    <w:rsid w:val="00FA5553"/>
    <w:rPr>
      <w:rFonts w:ascii="Arial" w:hAnsi="Arial"/>
      <w:b/>
      <w:color w:val="000000"/>
      <w:lang w:val="de-DE" w:eastAsia="de-DE"/>
    </w:rPr>
  </w:style>
  <w:style w:type="paragraph" w:styleId="Kopfzeile">
    <w:name w:val="header"/>
    <w:basedOn w:val="Standard"/>
    <w:link w:val="KopfzeileZchn"/>
    <w:uiPriority w:val="99"/>
    <w:rsid w:val="005E2474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link w:val="Kopfzeile"/>
    <w:uiPriority w:val="99"/>
    <w:locked/>
    <w:rsid w:val="005E2474"/>
    <w:rPr>
      <w:sz w:val="22"/>
      <w:lang w:eastAsia="en-US"/>
    </w:rPr>
  </w:style>
  <w:style w:type="paragraph" w:styleId="Fuzeile">
    <w:name w:val="footer"/>
    <w:basedOn w:val="Standard"/>
    <w:link w:val="FuzeileZchn"/>
    <w:rsid w:val="005E2474"/>
    <w:pPr>
      <w:tabs>
        <w:tab w:val="center" w:pos="4536"/>
        <w:tab w:val="right" w:pos="9072"/>
      </w:tabs>
    </w:pPr>
  </w:style>
  <w:style w:type="character" w:customStyle="1" w:styleId="FuzeileZchn">
    <w:name w:val="Fußzeile Zchn"/>
    <w:link w:val="Fuzeile"/>
    <w:locked/>
    <w:rsid w:val="005E2474"/>
    <w:rPr>
      <w:sz w:val="22"/>
      <w:lang w:eastAsia="en-US"/>
    </w:rPr>
  </w:style>
  <w:style w:type="paragraph" w:styleId="Funotentext">
    <w:name w:val="footnote text"/>
    <w:basedOn w:val="Standard"/>
    <w:link w:val="FunotentextZchn"/>
    <w:rsid w:val="0070071A"/>
    <w:pPr>
      <w:spacing w:after="0" w:line="240" w:lineRule="auto"/>
    </w:pPr>
    <w:rPr>
      <w:rFonts w:ascii="Arial" w:hAnsi="Arial"/>
      <w:sz w:val="20"/>
      <w:szCs w:val="20"/>
      <w:lang w:eastAsia="de-CH"/>
    </w:rPr>
  </w:style>
  <w:style w:type="character" w:customStyle="1" w:styleId="FunotentextZchn">
    <w:name w:val="Fußnotentext Zchn"/>
    <w:link w:val="Funotentext"/>
    <w:locked/>
    <w:rsid w:val="0070071A"/>
    <w:rPr>
      <w:rFonts w:ascii="Arial" w:hAnsi="Arial"/>
    </w:rPr>
  </w:style>
  <w:style w:type="character" w:styleId="Funotenzeichen">
    <w:name w:val="footnote reference"/>
    <w:rsid w:val="0070071A"/>
    <w:rPr>
      <w:vertAlign w:val="superscript"/>
    </w:rPr>
  </w:style>
  <w:style w:type="paragraph" w:customStyle="1" w:styleId="3CBD5A742C28424DA5172AD252E32316">
    <w:name w:val="3CBD5A742C28424DA5172AD252E32316"/>
    <w:rsid w:val="00E927C1"/>
    <w:pPr>
      <w:spacing w:after="200" w:line="276" w:lineRule="auto"/>
    </w:pPr>
    <w:rPr>
      <w:sz w:val="22"/>
      <w:szCs w:val="22"/>
    </w:rPr>
  </w:style>
  <w:style w:type="paragraph" w:styleId="Sprechblasentext">
    <w:name w:val="Balloon Text"/>
    <w:basedOn w:val="Standard"/>
    <w:link w:val="SprechblasentextZchn"/>
    <w:rsid w:val="00E927C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link w:val="Sprechblasentext"/>
    <w:locked/>
    <w:rsid w:val="00E927C1"/>
    <w:rPr>
      <w:rFonts w:ascii="Tahoma" w:hAnsi="Tahoma"/>
      <w:sz w:val="16"/>
      <w:lang w:eastAsia="en-US"/>
    </w:rPr>
  </w:style>
  <w:style w:type="table" w:styleId="Tabellenraster">
    <w:name w:val="Table Grid"/>
    <w:basedOn w:val="NormaleTabelle"/>
    <w:rsid w:val="005E21C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eitenzahl">
    <w:name w:val="page number"/>
    <w:rsid w:val="006968B2"/>
    <w:rPr>
      <w:rFonts w:cs="Times New Roman"/>
    </w:rPr>
  </w:style>
  <w:style w:type="character" w:styleId="Hyperlink">
    <w:name w:val="Hyperlink"/>
    <w:rsid w:val="005A61C4"/>
    <w:rPr>
      <w:color w:val="0000FF"/>
      <w:u w:val="single"/>
    </w:rPr>
  </w:style>
  <w:style w:type="table" w:customStyle="1" w:styleId="Tabellenraster1">
    <w:name w:val="Tabellenraster1"/>
    <w:basedOn w:val="NormaleTabelle"/>
    <w:next w:val="Tabellenraster"/>
    <w:uiPriority w:val="59"/>
    <w:rsid w:val="0070429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F4334A"/>
    <w:pPr>
      <w:autoSpaceDE w:val="0"/>
      <w:autoSpaceDN w:val="0"/>
      <w:adjustRightInd w:val="0"/>
    </w:pPr>
    <w:rPr>
      <w:rFonts w:cs="Calibri"/>
      <w:color w:val="000000"/>
      <w:sz w:val="24"/>
      <w:szCs w:val="24"/>
    </w:rPr>
  </w:style>
  <w:style w:type="character" w:styleId="Kommentarzeichen">
    <w:name w:val="annotation reference"/>
    <w:basedOn w:val="Absatz-Standardschriftart"/>
    <w:semiHidden/>
    <w:unhideWhenUsed/>
    <w:rsid w:val="001529C3"/>
    <w:rPr>
      <w:sz w:val="16"/>
      <w:szCs w:val="16"/>
    </w:rPr>
  </w:style>
  <w:style w:type="paragraph" w:styleId="Kommentartext">
    <w:name w:val="annotation text"/>
    <w:basedOn w:val="Standard"/>
    <w:link w:val="KommentartextZchn"/>
    <w:semiHidden/>
    <w:unhideWhenUsed/>
    <w:rsid w:val="001529C3"/>
    <w:pPr>
      <w:spacing w:line="240" w:lineRule="auto"/>
    </w:pPr>
    <w:rPr>
      <w:sz w:val="20"/>
      <w:szCs w:val="20"/>
    </w:rPr>
  </w:style>
  <w:style w:type="character" w:customStyle="1" w:styleId="KommentartextZchn">
    <w:name w:val="Kommentartext Zchn"/>
    <w:basedOn w:val="Absatz-Standardschriftart"/>
    <w:link w:val="Kommentartext"/>
    <w:semiHidden/>
    <w:rsid w:val="001529C3"/>
    <w:rPr>
      <w:lang w:eastAsia="en-US"/>
    </w:rPr>
  </w:style>
  <w:style w:type="paragraph" w:styleId="Kommentarthema">
    <w:name w:val="annotation subject"/>
    <w:basedOn w:val="Kommentartext"/>
    <w:next w:val="Kommentartext"/>
    <w:link w:val="KommentarthemaZchn"/>
    <w:semiHidden/>
    <w:unhideWhenUsed/>
    <w:rsid w:val="001529C3"/>
    <w:rPr>
      <w:b/>
      <w:bCs/>
    </w:rPr>
  </w:style>
  <w:style w:type="character" w:customStyle="1" w:styleId="KommentarthemaZchn">
    <w:name w:val="Kommentarthema Zchn"/>
    <w:basedOn w:val="KommentartextZchn"/>
    <w:link w:val="Kommentarthema"/>
    <w:semiHidden/>
    <w:rsid w:val="001529C3"/>
    <w:rPr>
      <w:b/>
      <w:bCs/>
      <w:lang w:eastAsia="en-US"/>
    </w:rPr>
  </w:style>
  <w:style w:type="paragraph" w:styleId="berarbeitung">
    <w:name w:val="Revision"/>
    <w:hidden/>
    <w:semiHidden/>
    <w:rsid w:val="001529C3"/>
    <w:rPr>
      <w:sz w:val="22"/>
      <w:szCs w:val="22"/>
      <w:lang w:eastAsia="en-US"/>
    </w:rPr>
  </w:style>
  <w:style w:type="paragraph" w:styleId="Aufzhlungszeichen2">
    <w:name w:val="List Bullet 2"/>
    <w:basedOn w:val="Standard"/>
    <w:qFormat/>
    <w:rsid w:val="00DA0828"/>
    <w:pPr>
      <w:numPr>
        <w:numId w:val="5"/>
      </w:numPr>
      <w:tabs>
        <w:tab w:val="clear" w:pos="568"/>
        <w:tab w:val="left" w:pos="397"/>
      </w:tabs>
      <w:spacing w:after="0" w:line="288" w:lineRule="auto"/>
      <w:ind w:left="396" w:hanging="198"/>
    </w:pPr>
    <w:rPr>
      <w:rFonts w:ascii="Arial" w:hAnsi="Arial"/>
      <w:sz w:val="20"/>
      <w:szCs w:val="24"/>
      <w:lang w:eastAsia="de-CH"/>
    </w:rPr>
  </w:style>
  <w:style w:type="paragraph" w:styleId="Listenabsatz">
    <w:name w:val="List Paragraph"/>
    <w:basedOn w:val="Standard"/>
    <w:uiPriority w:val="34"/>
    <w:qFormat/>
    <w:rsid w:val="00DA0828"/>
    <w:pPr>
      <w:spacing w:after="0" w:line="288" w:lineRule="auto"/>
      <w:ind w:left="720"/>
      <w:contextualSpacing/>
    </w:pPr>
    <w:rPr>
      <w:rFonts w:ascii="Arial" w:hAnsi="Arial"/>
      <w:sz w:val="20"/>
      <w:szCs w:val="24"/>
      <w:lang w:eastAsia="de-CH"/>
    </w:rPr>
  </w:style>
  <w:style w:type="character" w:styleId="BesuchterLink">
    <w:name w:val="FollowedHyperlink"/>
    <w:basedOn w:val="Absatz-Standardschriftart"/>
    <w:semiHidden/>
    <w:unhideWhenUsed/>
    <w:rsid w:val="008C794A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015573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microsoft.com/office/2007/relationships/hdphoto" Target="media/hdphoto1.wdp"/><Relationship Id="rId18" Type="http://schemas.openxmlformats.org/officeDocument/2006/relationships/footer" Target="footer1.xml"/><Relationship Id="rId3" Type="http://schemas.openxmlformats.org/officeDocument/2006/relationships/customXml" Target="../customXml/item3.xml"/><Relationship Id="rId21" Type="http://schemas.openxmlformats.org/officeDocument/2006/relationships/fontTable" Target="fontTable.xml"/><Relationship Id="rId7" Type="http://schemas.openxmlformats.org/officeDocument/2006/relationships/styles" Target="styles.xml"/><Relationship Id="rId12" Type="http://schemas.openxmlformats.org/officeDocument/2006/relationships/image" Target="media/image1.jpeg"/><Relationship Id="rId17" Type="http://schemas.openxmlformats.org/officeDocument/2006/relationships/header" Target="header1.xml"/><Relationship Id="rId2" Type="http://schemas.openxmlformats.org/officeDocument/2006/relationships/customXml" Target="../customXml/item2.xml"/><Relationship Id="rId16" Type="http://schemas.openxmlformats.org/officeDocument/2006/relationships/image" Target="media/image3.png"/><Relationship Id="rId20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5" Type="http://schemas.microsoft.com/office/2007/relationships/hdphoto" Target="media/hdphoto2.wdp"/><Relationship Id="rId10" Type="http://schemas.openxmlformats.org/officeDocument/2006/relationships/footnotes" Target="footnotes.xml"/><Relationship Id="rId19" Type="http://schemas.openxmlformats.org/officeDocument/2006/relationships/header" Target="header2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image" Target="media/image2.jpeg"/><Relationship Id="rId22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5.jpeg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Assembly>Microsoft.Office.DocumentManagement, Version=14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Assembly>Microsoft.Office.DocumentManagement, Version=14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Assembly>Microsoft.Office.DocumentManagement, Version=14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Assembly>Microsoft.Office.DocumentManagement, Version=14.0.0.0, Culture=neutral, PublicKeyToken=71e9bce111e9429c</Assembly>
    <Class>Microsoft.Office.DocumentManagement.Internal.DocIdHandler</Class>
    <Data/>
    <Filter/>
  </Receiver>
</spe:Receiver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47b6ce5f-2709-4222-a479-0e6420f4de8d"/>
    <oc_kispi_TeamName xmlns="1607da77-98c1-4850-bf77-f0763074b778">Verordnungsformular / Betreuungsplan</oc_kispi_TeamName>
    <oc_kispi_TeamNr xmlns="1607da77-98c1-4850-bf77-f0763074b778">T1255</oc_kispi_TeamNr>
    <ea3178bd6a474f8f8e128b829509c109 xmlns="47b6ce5f-2709-4222-a479-0e6420f4de8d">
      <Terms xmlns="http://schemas.microsoft.com/office/infopath/2007/PartnerControls"/>
    </ea3178bd6a474f8f8e128b829509c109>
    <_dlc_DocId xmlns="1607da77-98c1-4850-bf77-f0763074b778">TEAMS-1685-27</_dlc_DocId>
    <_dlc_DocIdUrl xmlns="1607da77-98c1-4850-bf77-f0763074b778">
      <Url>http://teams.kispisg.ch/T1255/_layouts/DocIdRedir.aspx?ID=TEAMS-1685-27</Url>
      <Description>TEAMS-1685-27</Description>
    </_dlc_DocIdUrl>
  </documentManagement>
</p:properties>
</file>

<file path=customXml/item5.xml><?xml version="1.0" encoding="utf-8"?>
<ct:contentTypeSchema xmlns:ct="http://schemas.microsoft.com/office/2006/metadata/contentType" xmlns:ma="http://schemas.microsoft.com/office/2006/metadata/properties/metaAttributes" ct:_="" ma:_="" ma:contentTypeName="Kispi TeamDokumente" ma:contentTypeID="0x010100070FB59AC6E4A949A1F9E88CC316E838000E852C8DBC37E34ABE6E0FF8C0BFD931" ma:contentTypeVersion="2" ma:contentTypeDescription="" ma:contentTypeScope="" ma:versionID="2f66be8edd780a8b0675b08aba713558">
  <xsd:schema xmlns:xsd="http://www.w3.org/2001/XMLSchema" xmlns:xs="http://www.w3.org/2001/XMLSchema" xmlns:p="http://schemas.microsoft.com/office/2006/metadata/properties" xmlns:ns2="1607da77-98c1-4850-bf77-f0763074b778" xmlns:ns3="47b6ce5f-2709-4222-a479-0e6420f4de8d" targetNamespace="http://schemas.microsoft.com/office/2006/metadata/properties" ma:root="true" ma:fieldsID="7956e77172a4b26ba785fdca270cf5c4" ns2:_="" ns3:_="">
    <xsd:import namespace="1607da77-98c1-4850-bf77-f0763074b778"/>
    <xsd:import namespace="47b6ce5f-2709-4222-a479-0e6420f4de8d"/>
    <xsd:element name="properties">
      <xsd:complexType>
        <xsd:sequence>
          <xsd:element name="documentManagement">
            <xsd:complexType>
              <xsd:all>
                <xsd:element ref="ns2:oc_kispi_TeamNr" minOccurs="0"/>
                <xsd:element ref="ns2:oc_kispi_TeamName" minOccurs="0"/>
                <xsd:element ref="ns3:ea3178bd6a474f8f8e128b829509c109" minOccurs="0"/>
                <xsd:element ref="ns3:TaxCatchAll" minOccurs="0"/>
                <xsd:element ref="ns3:TaxCatchAllLabel" minOccurs="0"/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07da77-98c1-4850-bf77-f0763074b778" elementFormDefault="qualified">
    <xsd:import namespace="http://schemas.microsoft.com/office/2006/documentManagement/types"/>
    <xsd:import namespace="http://schemas.microsoft.com/office/infopath/2007/PartnerControls"/>
    <xsd:element name="oc_kispi_TeamNr" ma:index="8" nillable="true" ma:displayName="Team Nr" ma:internalName="oc_kispi_TeamNr" ma:readOnly="false">
      <xsd:simpleType>
        <xsd:restriction base="dms:Text">
          <xsd:maxLength value="255"/>
        </xsd:restriction>
      </xsd:simpleType>
    </xsd:element>
    <xsd:element name="oc_kispi_TeamName" ma:index="9" nillable="true" ma:displayName="Team Name" ma:internalName="oc_kispi_TeamName">
      <xsd:simpleType>
        <xsd:restriction base="dms:Text">
          <xsd:maxLength value="255"/>
        </xsd:restriction>
      </xsd:simpleType>
    </xsd:element>
    <xsd:element name="_dlc_DocId" ma:index="14" nillable="true" ma:displayName="Wert der Dokument-ID" ma:description="Der Wert der diesem Element zugewiesenen Dokument-ID." ma:internalName="_dlc_DocId" ma:readOnly="true">
      <xsd:simpleType>
        <xsd:restriction base="dms:Text"/>
      </xsd:simpleType>
    </xsd:element>
    <xsd:element name="_dlc_DocIdUrl" ma:index="15" nillable="true" ma:displayName="Dokument-ID" ma:description="Permanenter Hyperlink zu diesem Dok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6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7b6ce5f-2709-4222-a479-0e6420f4de8d" elementFormDefault="qualified">
    <xsd:import namespace="http://schemas.microsoft.com/office/2006/documentManagement/types"/>
    <xsd:import namespace="http://schemas.microsoft.com/office/infopath/2007/PartnerControls"/>
    <xsd:element name="ea3178bd6a474f8f8e128b829509c109" ma:index="10" nillable="true" ma:taxonomy="true" ma:internalName="oc_kispi_tax_DocArtTeamTaxHTField0" ma:taxonomyFieldName="oc_kispi_tax_DocArtTeam" ma:displayName="Dokumentart" ma:readOnly="false" ma:default="" ma:fieldId="{ea3178bd-6a47-4f8f-8e12-8b829509c109}" ma:taxonomyMulti="true" ma:sspId="48631059-5d2e-4e88-97fb-fed3858ae97f" ma:termSetId="451b570b-1d41-4da6-916d-5245f54e30c9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CatchAll" ma:index="11" nillable="true" ma:displayName="Taxonomy Catch All Column" ma:description="" ma:hidden="true" ma:list="{047d533a-f61b-4467-bb6d-abb1b476ec52}" ma:internalName="TaxCatchAll" ma:showField="CatchAllData" ma:web="47b6ce5f-2709-4222-a479-0e6420f4de8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" nillable="true" ma:displayName="Taxonomy Catch All Column1" ma:description="" ma:hidden="true" ma:list="{047d533a-f61b-4467-bb6d-abb1b476ec52}" ma:internalName="TaxCatchAllLabel" ma:readOnly="true" ma:showField="CatchAllDataLabel" ma:web="47b6ce5f-2709-4222-a479-0e6420f4de8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altstyp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519251E-E49E-47E1-A338-DF13764FCB38}">
  <ds:schemaRefs>
    <ds:schemaRef ds:uri="http://schemas.microsoft.com/sharepoint/events"/>
  </ds:schemaRefs>
</ds:datastoreItem>
</file>

<file path=customXml/itemProps2.xml><?xml version="1.0" encoding="utf-8"?>
<ds:datastoreItem xmlns:ds="http://schemas.openxmlformats.org/officeDocument/2006/customXml" ds:itemID="{C7C7D5B7-C6AE-443D-BC82-21F4D7D02FA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1CE0557D-921B-4002-A433-A5ED258CA141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BAFDAA3B-2454-4334-9C6E-381889897598}">
  <ds:schemaRefs>
    <ds:schemaRef ds:uri="http://schemas.microsoft.com/office/2006/metadata/properties"/>
    <ds:schemaRef ds:uri="http://schemas.microsoft.com/office/infopath/2007/PartnerControls"/>
    <ds:schemaRef ds:uri="47b6ce5f-2709-4222-a479-0e6420f4de8d"/>
    <ds:schemaRef ds:uri="1607da77-98c1-4850-bf77-f0763074b778"/>
  </ds:schemaRefs>
</ds:datastoreItem>
</file>

<file path=customXml/itemProps5.xml><?xml version="1.0" encoding="utf-8"?>
<ds:datastoreItem xmlns:ds="http://schemas.openxmlformats.org/officeDocument/2006/customXml" ds:itemID="{EA678CCA-89D7-4022-9DAA-BA5D13C81A0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607da77-98c1-4850-bf77-f0763074b778"/>
    <ds:schemaRef ds:uri="47b6ce5f-2709-4222-a479-0e6420f4de8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985</Words>
  <Characters>6212</Characters>
  <Application>Microsoft Office Word</Application>
  <DocSecurity>0</DocSecurity>
  <Lines>51</Lines>
  <Paragraphs>14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Betreuungsplan                                                                                                                0    0</vt:lpstr>
      <vt:lpstr>Betreuungsplan                                                                                                                0    0</vt:lpstr>
    </vt:vector>
  </TitlesOfParts>
  <Company>Informatik SSC-IT</Company>
  <LinksUpToDate>false</LinksUpToDate>
  <CharactersWithSpaces>7183</CharactersWithSpaces>
  <SharedDoc>false</SharedDoc>
  <HyperlinkBase/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etreuungsplan                                                                                                                0    0</dc:title>
  <dc:creator>Version IMPACT-PPC-OKS</dc:creator>
  <cp:lastModifiedBy>Jürg Streuli</cp:lastModifiedBy>
  <cp:revision>10</cp:revision>
  <cp:lastPrinted>2019-10-29T09:54:00Z</cp:lastPrinted>
  <dcterms:created xsi:type="dcterms:W3CDTF">2021-02-16T12:19:00Z</dcterms:created>
  <dcterms:modified xsi:type="dcterms:W3CDTF">2021-10-06T11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ContentTypeId">
    <vt:lpwstr>0x010100070FB59AC6E4A949A1F9E88CC316E838000E852C8DBC37E34ABE6E0FF8C0BFD931</vt:lpwstr>
  </property>
  <property fmtid="{D5CDD505-2E9C-101B-9397-08002B2CF9AE}" pid="4" name="_dlc_DocIdItemGuid">
    <vt:lpwstr>4285ed7b-3152-4bac-87e8-7d7347f02e29</vt:lpwstr>
  </property>
</Properties>
</file>